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5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376\Desktop\Downloads\"/>
    </mc:Choice>
  </mc:AlternateContent>
  <xr:revisionPtr revIDLastSave="0" documentId="13_ncr:1_{4C5C176C-13B7-4F00-8F93-990F79B918BD}" xr6:coauthVersionLast="47" xr6:coauthVersionMax="47" xr10:uidLastSave="{00000000-0000-0000-0000-000000000000}"/>
  <bookViews>
    <workbookView xWindow="-110" yWindow="-110" windowWidth="19420" windowHeight="11500" xr2:uid="{00000000-000D-0000-FFFF-FFFF00000000}"/>
  </bookViews>
  <sheets>
    <sheet name="参加者情報" sheetId="1" r:id="rId1"/>
    <sheet name="地区使用シート" sheetId="2" r:id="rId2"/>
  </sheets>
  <externalReferences>
    <externalReference r:id="rId3"/>
    <externalReference r:id="rId4"/>
    <externalReference r:id="rId5"/>
  </externalReferences>
  <definedNames>
    <definedName name="_1___123Graph_Aグラフ_5A" hidden="1">#REF!</definedName>
    <definedName name="_1__123Graph_Aグラフ_5A" hidden="1">#REF!</definedName>
    <definedName name="_10__123Graph_Aグラフ_6A" hidden="1">#REF!</definedName>
    <definedName name="_11__123Graph_Xグラフ_5A" hidden="1">#REF!</definedName>
    <definedName name="_12__123Graph_Xグラフ_5A" hidden="1">#REF!</definedName>
    <definedName name="_14__123Graph_Xグラフ_6A" hidden="1">#REF!</definedName>
    <definedName name="_16__123Graph_Xグラフ_6A" hidden="1">#REF!</definedName>
    <definedName name="_2__123Graph_Aグラフ_6A" hidden="1">#REF!</definedName>
    <definedName name="_3___123Graph_Aグラフ_6A" hidden="1">#REF!</definedName>
    <definedName name="_3__123Graph_Aグラフ_6A" hidden="1">#REF!</definedName>
    <definedName name="_3__123Graph_Xグラフ_5A" hidden="1">#REF!</definedName>
    <definedName name="_4__123Graph_Xグラフ_6A" hidden="1">#REF!</definedName>
    <definedName name="_5___123Graph_Xグラフ_5A" hidden="1">#REF!</definedName>
    <definedName name="_5__123Graph_Xグラフ_5A" hidden="1">#REF!</definedName>
    <definedName name="_6__123Graph_Aグラフ_6A" hidden="1">#REF!</definedName>
    <definedName name="_7___123Graph_Xグラフ_6A" hidden="1">#REF!</definedName>
    <definedName name="_7__123Graph_Xグラフ_6A" hidden="1">#REF!</definedName>
    <definedName name="_8__123Graph_Aグラフ_5A" hidden="1">#REF!</definedName>
    <definedName name="_Fill" hidden="1">#REF!</definedName>
    <definedName name="_宛名">[1]住所リスト!$C$4:$E$162</definedName>
    <definedName name="A">[2]ｼｰﾙ打出!$A$1</definedName>
    <definedName name="DMﾘｽﾄ">#REF!</definedName>
    <definedName name="_xlnm.Print_Area" localSheetId="0">参加者情報!$A$1:$AF$35</definedName>
    <definedName name="_xlnm.Print_Area">#REF!</definedName>
    <definedName name="ｑ" hidden="1">#REF!</definedName>
    <definedName name="宛名">[3]リスト!$I$5:$K$18</definedName>
    <definedName name="案内送付リスト">[2]案内送付リスト!$2:$6553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6" i="2" l="1"/>
  <c r="K8" i="2"/>
  <c r="K7" i="2"/>
  <c r="K6" i="2"/>
  <c r="K5" i="2"/>
  <c r="K4" i="2"/>
  <c r="I8" i="2"/>
  <c r="I7" i="2"/>
  <c r="I6" i="2"/>
  <c r="I5" i="2"/>
  <c r="H8" i="2"/>
  <c r="H7" i="2"/>
  <c r="H5" i="2"/>
  <c r="G8" i="2"/>
  <c r="G7" i="2"/>
  <c r="E6" i="2"/>
  <c r="G6" i="2"/>
  <c r="G5" i="2"/>
  <c r="F8" i="2"/>
  <c r="F7" i="2"/>
  <c r="F6" i="2"/>
  <c r="F5" i="2"/>
  <c r="I4" i="2"/>
  <c r="H4" i="2"/>
  <c r="G4" i="2"/>
  <c r="F4" i="2"/>
  <c r="E8" i="2"/>
  <c r="E7" i="2"/>
  <c r="E5" i="2"/>
  <c r="E4" i="2"/>
  <c r="D8" i="2"/>
  <c r="D7" i="2"/>
  <c r="D5" i="2"/>
  <c r="D6" i="2"/>
  <c r="D4" i="2"/>
  <c r="C8" i="2"/>
  <c r="C7" i="2"/>
  <c r="C6" i="2"/>
  <c r="C5" i="2"/>
  <c r="B8" i="2"/>
  <c r="B7" i="2"/>
  <c r="B6" i="2"/>
  <c r="B5" i="2"/>
  <c r="B4" i="2"/>
  <c r="C4" i="2"/>
</calcChain>
</file>

<file path=xl/sharedStrings.xml><?xml version="1.0" encoding="utf-8"?>
<sst xmlns="http://schemas.openxmlformats.org/spreadsheetml/2006/main" count="70" uniqueCount="58">
  <si>
    <t>★太枠内のみご記入下さい。</t>
    <rPh sb="1" eb="2">
      <t>フトシ</t>
    </rPh>
    <rPh sb="2" eb="4">
      <t>ワクナイ</t>
    </rPh>
    <rPh sb="7" eb="9">
      <t>キニュウ</t>
    </rPh>
    <rPh sb="9" eb="10">
      <t>クダ</t>
    </rPh>
    <phoneticPr fontId="19"/>
  </si>
  <si>
    <t>〒</t>
    <phoneticPr fontId="19"/>
  </si>
  <si>
    <t>申込み・問合せ先</t>
    <rPh sb="0" eb="2">
      <t>モウシコミ</t>
    </rPh>
    <rPh sb="4" eb="6">
      <t>トイアワ</t>
    </rPh>
    <rPh sb="7" eb="8">
      <t>サキ</t>
    </rPh>
    <phoneticPr fontId="19"/>
  </si>
  <si>
    <t xml:space="preserve"> ( 所属 ）</t>
    <rPh sb="3" eb="5">
      <t>ショゾク</t>
    </rPh>
    <phoneticPr fontId="19"/>
  </si>
  <si>
    <t>（氏名）</t>
    <rPh sb="1" eb="3">
      <t>シメイ</t>
    </rPh>
    <phoneticPr fontId="19"/>
  </si>
  <si>
    <t>（FAX）</t>
    <phoneticPr fontId="19"/>
  </si>
  <si>
    <t>　　　　　　　　　　　　　　　　　　　　</t>
    <phoneticPr fontId="19"/>
  </si>
  <si>
    <t>№</t>
    <phoneticPr fontId="19"/>
  </si>
  <si>
    <t>性別</t>
    <rPh sb="0" eb="2">
      <t>セイベツ</t>
    </rPh>
    <phoneticPr fontId="19"/>
  </si>
  <si>
    <t>所　　属　・　部　　署</t>
    <rPh sb="0" eb="1">
      <t>トコロ</t>
    </rPh>
    <rPh sb="3" eb="4">
      <t>ゾク</t>
    </rPh>
    <rPh sb="7" eb="8">
      <t>ブ</t>
    </rPh>
    <rPh sb="10" eb="11">
      <t>ショ</t>
    </rPh>
    <phoneticPr fontId="19"/>
  </si>
  <si>
    <t>役職</t>
    <rPh sb="0" eb="2">
      <t>ヤクショク</t>
    </rPh>
    <phoneticPr fontId="19"/>
  </si>
  <si>
    <t>貴方の役割とＱＣサ-クル活動暦</t>
    <rPh sb="0" eb="2">
      <t>アナタ</t>
    </rPh>
    <rPh sb="3" eb="5">
      <t>ヤクワリ</t>
    </rPh>
    <rPh sb="12" eb="14">
      <t>カツドウ</t>
    </rPh>
    <rPh sb="14" eb="15">
      <t>レキ</t>
    </rPh>
    <phoneticPr fontId="19"/>
  </si>
  <si>
    <t>氏　　　　名</t>
    <rPh sb="0" eb="1">
      <t>シ</t>
    </rPh>
    <rPh sb="5" eb="6">
      <t>メイ</t>
    </rPh>
    <phoneticPr fontId="19"/>
  </si>
  <si>
    <t>役　　割</t>
    <rPh sb="0" eb="1">
      <t>エキ</t>
    </rPh>
    <rPh sb="3" eb="4">
      <t>ワリ</t>
    </rPh>
    <phoneticPr fontId="19"/>
  </si>
  <si>
    <t>活動暦</t>
    <phoneticPr fontId="19"/>
  </si>
  <si>
    <t>例</t>
    <rPh sb="0" eb="1">
      <t>レイ</t>
    </rPh>
    <phoneticPr fontId="19"/>
  </si>
  <si>
    <t>女</t>
    <rPh sb="0" eb="1">
      <t>オンナ</t>
    </rPh>
    <phoneticPr fontId="19"/>
  </si>
  <si>
    <t>一般</t>
    <rPh sb="0" eb="2">
      <t>イッパン</t>
    </rPh>
    <phoneticPr fontId="19"/>
  </si>
  <si>
    <t>静岡　花子</t>
  </si>
  <si>
    <t>メンバー</t>
    <phoneticPr fontId="19"/>
  </si>
  <si>
    <t>○○製造部△△課</t>
    <rPh sb="2" eb="4">
      <t>セイゾウ</t>
    </rPh>
    <rPh sb="4" eb="5">
      <t>ブ</t>
    </rPh>
    <rPh sb="7" eb="8">
      <t>カ</t>
    </rPh>
    <phoneticPr fontId="19"/>
  </si>
  <si>
    <t>男</t>
    <rPh sb="0" eb="1">
      <t>オトコ</t>
    </rPh>
    <phoneticPr fontId="19"/>
  </si>
  <si>
    <t>事務局</t>
    <rPh sb="0" eb="3">
      <t>ジムキョク</t>
    </rPh>
    <phoneticPr fontId="19"/>
  </si>
  <si>
    <t>その他</t>
    <rPh sb="2" eb="3">
      <t>タ</t>
    </rPh>
    <phoneticPr fontId="19"/>
  </si>
  <si>
    <t xml:space="preserve"> </t>
    <phoneticPr fontId="19"/>
  </si>
  <si>
    <t>（住　所）</t>
  </si>
  <si>
    <t>（会社名・事業所名）</t>
    <phoneticPr fontId="19"/>
  </si>
  <si>
    <t>（E-mail）</t>
    <phoneticPr fontId="19"/>
  </si>
  <si>
    <t>（TEL）</t>
    <phoneticPr fontId="19"/>
  </si>
  <si>
    <t>年</t>
    <rPh sb="0" eb="1">
      <t>ネン</t>
    </rPh>
    <phoneticPr fontId="19"/>
  </si>
  <si>
    <t>２０２６年度　ＱＣサークル静岡地区 基本研修会 参加者情報</t>
    <rPh sb="4" eb="6">
      <t>ネンド</t>
    </rPh>
    <rPh sb="13" eb="15">
      <t>シズオカ</t>
    </rPh>
    <rPh sb="15" eb="17">
      <t>チク</t>
    </rPh>
    <rPh sb="18" eb="20">
      <t>キホン</t>
    </rPh>
    <rPh sb="20" eb="23">
      <t>ケンシュウカイ</t>
    </rPh>
    <rPh sb="24" eb="26">
      <t>サンカ</t>
    </rPh>
    <rPh sb="27" eb="29">
      <t>ジョウホウ</t>
    </rPh>
    <phoneticPr fontId="19"/>
  </si>
  <si>
    <t>2026年6月5日（金）</t>
    <rPh sb="4" eb="5">
      <t>ネン</t>
    </rPh>
    <rPh sb="6" eb="7">
      <t>ガツ</t>
    </rPh>
    <rPh sb="8" eb="9">
      <t>ニチ</t>
    </rPh>
    <rPh sb="10" eb="11">
      <t>キン</t>
    </rPh>
    <phoneticPr fontId="19"/>
  </si>
  <si>
    <t>所属</t>
    <rPh sb="0" eb="2">
      <t>ショゾク</t>
    </rPh>
    <phoneticPr fontId="19"/>
  </si>
  <si>
    <t>氏名</t>
    <rPh sb="0" eb="2">
      <t>シメイ</t>
    </rPh>
    <phoneticPr fontId="19"/>
  </si>
  <si>
    <t>会社名</t>
    <rPh sb="0" eb="3">
      <t>カイシャメイ</t>
    </rPh>
    <phoneticPr fontId="19"/>
  </si>
  <si>
    <t>地区使用シート（こちらには、入力しないでください。）</t>
    <rPh sb="0" eb="4">
      <t>チクシヨウ</t>
    </rPh>
    <rPh sb="14" eb="16">
      <t>ニュウリョク</t>
    </rPh>
    <phoneticPr fontId="19"/>
  </si>
  <si>
    <t>　送付先：「基本研修会」 事務局</t>
    <rPh sb="1" eb="3">
      <t>ソウフ</t>
    </rPh>
    <rPh sb="3" eb="4">
      <t>サキ</t>
    </rPh>
    <rPh sb="6" eb="8">
      <t>キホン</t>
    </rPh>
    <rPh sb="8" eb="11">
      <t>ケンシュウカイ</t>
    </rPh>
    <rPh sb="13" eb="16">
      <t>ジムキョク</t>
    </rPh>
    <phoneticPr fontId="19"/>
  </si>
  <si>
    <t>〒430-8510</t>
    <phoneticPr fontId="19"/>
  </si>
  <si>
    <t>静岡県浜松市中央区東町１８７６番地</t>
    <rPh sb="0" eb="3">
      <t>シズオカケン</t>
    </rPh>
    <rPh sb="3" eb="6">
      <t>ハママツシ</t>
    </rPh>
    <rPh sb="6" eb="9">
      <t>チュウオウク</t>
    </rPh>
    <rPh sb="9" eb="11">
      <t>ヒガシチョウ</t>
    </rPh>
    <rPh sb="15" eb="17">
      <t>バンチ</t>
    </rPh>
    <phoneticPr fontId="19"/>
  </si>
  <si>
    <t xml:space="preserve"> E-Mail：kenji-masuda@kyowale.co.jp</t>
    <phoneticPr fontId="19"/>
  </si>
  <si>
    <t xml:space="preserve">    TEL：053-426-1399</t>
    <phoneticPr fontId="19"/>
  </si>
  <si>
    <t>　「どちらでも可」でお申し込みいただいた場合は、5/31までに日にちをご連絡いたします。</t>
    <rPh sb="7" eb="8">
      <t>カ</t>
    </rPh>
    <rPh sb="11" eb="12">
      <t>モウ</t>
    </rPh>
    <rPh sb="13" eb="14">
      <t>コ</t>
    </rPh>
    <rPh sb="20" eb="22">
      <t>バアイ</t>
    </rPh>
    <rPh sb="31" eb="32">
      <t>ヒ</t>
    </rPh>
    <rPh sb="36" eb="38">
      <t>レンラク</t>
    </rPh>
    <phoneticPr fontId="19"/>
  </si>
  <si>
    <t>フ　リ　ガ　ナ</t>
    <phoneticPr fontId="19"/>
  </si>
  <si>
    <t>シズオカ　ハナコ</t>
    <phoneticPr fontId="19"/>
  </si>
  <si>
    <t>メンバー</t>
  </si>
  <si>
    <t>リーダー</t>
  </si>
  <si>
    <t>サブリーダー</t>
  </si>
  <si>
    <t>アドバイザー</t>
  </si>
  <si>
    <t>品質保証部</t>
    <rPh sb="0" eb="5">
      <t>ヒンシツホショウブ</t>
    </rPh>
    <phoneticPr fontId="19"/>
  </si>
  <si>
    <t>フリガナ</t>
    <phoneticPr fontId="19"/>
  </si>
  <si>
    <t>活動歴</t>
    <rPh sb="0" eb="2">
      <t>カツドウ</t>
    </rPh>
    <rPh sb="2" eb="3">
      <t>レキ</t>
    </rPh>
    <phoneticPr fontId="19"/>
  </si>
  <si>
    <t>役割</t>
    <rPh sb="0" eb="2">
      <t>ヤクワリ</t>
    </rPh>
    <phoneticPr fontId="19"/>
  </si>
  <si>
    <t>参加日</t>
    <rPh sb="0" eb="3">
      <t>サンカビ</t>
    </rPh>
    <phoneticPr fontId="19"/>
  </si>
  <si>
    <t>年</t>
    <phoneticPr fontId="19"/>
  </si>
  <si>
    <t>参加日</t>
    <rPh sb="0" eb="3">
      <t>サンカビ</t>
    </rPh>
    <phoneticPr fontId="19"/>
  </si>
  <si>
    <t>送付期限</t>
    <rPh sb="0" eb="2">
      <t>そうふ</t>
    </rPh>
    <rPh sb="2" eb="4">
      <t>きげん</t>
    </rPh>
    <phoneticPr fontId="19" type="Hiragana" alignment="center"/>
  </si>
  <si>
    <t>　業務改革推進室　　増田　健二</t>
    <rPh sb="1" eb="3">
      <t>ギョウム</t>
    </rPh>
    <rPh sb="3" eb="5">
      <t>カイカク</t>
    </rPh>
    <rPh sb="5" eb="7">
      <t>スイシン</t>
    </rPh>
    <rPh sb="7" eb="8">
      <t>シツ</t>
    </rPh>
    <rPh sb="10" eb="12">
      <t>マスダ</t>
    </rPh>
    <rPh sb="13" eb="15">
      <t>ケンジ</t>
    </rPh>
    <phoneticPr fontId="19"/>
  </si>
  <si>
    <t xml:space="preserve">  共和レザー(株)　モビリティ統括部</t>
    <rPh sb="16" eb="18">
      <t>トウカツ</t>
    </rPh>
    <rPh sb="18" eb="19">
      <t>ブ</t>
    </rPh>
    <phoneticPr fontId="1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45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1"/>
      <color indexed="10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16"/>
      <name val="HG丸ｺﾞｼｯｸM-PRO"/>
      <family val="3"/>
      <charset val="128"/>
    </font>
    <font>
      <sz val="11"/>
      <color indexed="8"/>
      <name val="HG丸ｺﾞｼｯｸM-PRO"/>
      <family val="3"/>
      <charset val="128"/>
    </font>
    <font>
      <b/>
      <sz val="12"/>
      <color indexed="8"/>
      <name val="HG丸ｺﾞｼｯｸM-PRO"/>
      <family val="3"/>
      <charset val="128"/>
    </font>
    <font>
      <sz val="10"/>
      <color indexed="8"/>
      <name val="HG丸ｺﾞｼｯｸM-PRO"/>
      <family val="3"/>
      <charset val="128"/>
    </font>
    <font>
      <sz val="8"/>
      <color indexed="8"/>
      <name val="HG丸ｺﾞｼｯｸM-PRO"/>
      <family val="3"/>
      <charset val="128"/>
    </font>
    <font>
      <b/>
      <sz val="11"/>
      <color indexed="10"/>
      <name val="HG丸ｺﾞｼｯｸM-PRO"/>
      <family val="3"/>
      <charset val="128"/>
    </font>
    <font>
      <b/>
      <sz val="11"/>
      <color theme="1"/>
      <name val="HG丸ｺﾞｼｯｸM-PRO"/>
      <family val="3"/>
      <charset val="128"/>
    </font>
    <font>
      <b/>
      <sz val="12"/>
      <color rgb="FFFF0000"/>
      <name val="HG丸ｺﾞｼｯｸM-PRO"/>
      <family val="3"/>
      <charset val="128"/>
    </font>
    <font>
      <sz val="18"/>
      <color rgb="FFFF0000"/>
      <name val="HG丸ｺﾞｼｯｸM-PRO"/>
      <family val="3"/>
      <charset val="128"/>
    </font>
    <font>
      <b/>
      <sz val="12"/>
      <color indexed="12"/>
      <name val="HG丸ｺﾞｼｯｸM-PRO"/>
      <family val="3"/>
      <charset val="128"/>
    </font>
    <font>
      <u/>
      <sz val="18"/>
      <name val="HG丸ｺﾞｼｯｸM-PRO"/>
      <family val="3"/>
      <charset val="128"/>
    </font>
    <font>
      <sz val="18"/>
      <name val="HG丸ｺﾞｼｯｸM-PRO"/>
      <family val="3"/>
      <charset val="128"/>
    </font>
    <font>
      <sz val="11"/>
      <color indexed="12"/>
      <name val="HG丸ｺﾞｼｯｸM-PRO"/>
      <family val="3"/>
      <charset val="128"/>
    </font>
    <font>
      <sz val="18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8"/>
      <color rgb="FFFF0000"/>
      <name val="ＭＳ Ｐゴシック"/>
      <family val="3"/>
      <charset val="128"/>
    </font>
    <font>
      <b/>
      <sz val="8"/>
      <name val="HG丸ｺﾞｼｯｸM-PRO"/>
      <family val="3"/>
      <charset val="128"/>
    </font>
    <font>
      <sz val="8"/>
      <name val="HG丸ｺﾞｼｯｸM-PRO"/>
      <family val="3"/>
      <charset val="128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</borders>
  <cellStyleXfs count="42">
    <xf numFmtId="0" fontId="0" fillId="0" borderId="0"/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3" fillId="0" borderId="0" applyNumberFormat="0" applyFill="0" applyBorder="0" applyAlignment="0" applyProtection="0">
      <alignment vertical="center"/>
    </xf>
    <xf numFmtId="0" fontId="4" fillId="20" borderId="1" applyNumberFormat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6" fillId="22" borderId="2" applyNumberFormat="0" applyFont="0" applyAlignment="0" applyProtection="0">
      <alignment vertical="center"/>
    </xf>
    <xf numFmtId="0" fontId="7" fillId="0" borderId="3" applyNumberFormat="0" applyFill="0" applyAlignment="0" applyProtection="0">
      <alignment vertical="center"/>
    </xf>
    <xf numFmtId="0" fontId="8" fillId="3" borderId="0" applyNumberFormat="0" applyBorder="0" applyAlignment="0" applyProtection="0">
      <alignment vertical="center"/>
    </xf>
    <xf numFmtId="0" fontId="9" fillId="23" borderId="4" applyNumberFormat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23" borderId="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7" borderId="4" applyNumberFormat="0" applyAlignment="0" applyProtection="0">
      <alignment vertical="center"/>
    </xf>
    <xf numFmtId="0" fontId="18" fillId="4" borderId="0" applyNumberFormat="0" applyBorder="0" applyAlignment="0" applyProtection="0">
      <alignment vertical="center"/>
    </xf>
  </cellStyleXfs>
  <cellXfs count="174">
    <xf numFmtId="0" fontId="0" fillId="0" borderId="0" xfId="0"/>
    <xf numFmtId="0" fontId="20" fillId="0" borderId="0" xfId="0" applyFont="1" applyAlignment="1">
      <alignment vertical="center"/>
    </xf>
    <xf numFmtId="0" fontId="6" fillId="24" borderId="0" xfId="0" applyFont="1" applyFill="1" applyAlignment="1">
      <alignment vertical="center"/>
    </xf>
    <xf numFmtId="0" fontId="21" fillId="24" borderId="0" xfId="0" applyFont="1" applyFill="1" applyAlignment="1">
      <alignment vertical="center"/>
    </xf>
    <xf numFmtId="0" fontId="6" fillId="24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22" fillId="24" borderId="0" xfId="0" applyFont="1" applyFill="1"/>
    <xf numFmtId="0" fontId="22" fillId="24" borderId="0" xfId="0" applyFont="1" applyFill="1" applyAlignment="1">
      <alignment vertical="center"/>
    </xf>
    <xf numFmtId="0" fontId="22" fillId="24" borderId="0" xfId="0" applyFont="1" applyFill="1" applyAlignment="1">
      <alignment horizontal="center" vertical="center"/>
    </xf>
    <xf numFmtId="0" fontId="22" fillId="24" borderId="10" xfId="0" applyFont="1" applyFill="1" applyBorder="1" applyAlignment="1">
      <alignment vertical="center"/>
    </xf>
    <xf numFmtId="0" fontId="22" fillId="24" borderId="10" xfId="0" applyFont="1" applyFill="1" applyBorder="1" applyAlignment="1">
      <alignment horizontal="right" vertical="center"/>
    </xf>
    <xf numFmtId="0" fontId="22" fillId="0" borderId="13" xfId="0" applyFont="1" applyBorder="1" applyAlignment="1">
      <alignment vertical="center"/>
    </xf>
    <xf numFmtId="0" fontId="27" fillId="24" borderId="13" xfId="0" applyFont="1" applyFill="1" applyBorder="1" applyAlignment="1">
      <alignment vertical="center"/>
    </xf>
    <xf numFmtId="0" fontId="22" fillId="24" borderId="13" xfId="0" applyFont="1" applyFill="1" applyBorder="1" applyAlignment="1">
      <alignment vertical="center"/>
    </xf>
    <xf numFmtId="0" fontId="22" fillId="24" borderId="14" xfId="0" applyFont="1" applyFill="1" applyBorder="1" applyAlignment="1">
      <alignment vertical="center"/>
    </xf>
    <xf numFmtId="0" fontId="22" fillId="24" borderId="15" xfId="0" applyFont="1" applyFill="1" applyBorder="1" applyAlignment="1">
      <alignment vertical="center"/>
    </xf>
    <xf numFmtId="0" fontId="22" fillId="0" borderId="0" xfId="0" applyFont="1" applyAlignment="1">
      <alignment vertical="center"/>
    </xf>
    <xf numFmtId="0" fontId="25" fillId="24" borderId="0" xfId="0" applyFont="1" applyFill="1" applyAlignment="1">
      <alignment vertical="center"/>
    </xf>
    <xf numFmtId="0" fontId="22" fillId="24" borderId="17" xfId="0" applyFont="1" applyFill="1" applyBorder="1" applyAlignment="1">
      <alignment vertical="center"/>
    </xf>
    <xf numFmtId="0" fontId="22" fillId="0" borderId="0" xfId="0" applyFont="1"/>
    <xf numFmtId="0" fontId="25" fillId="24" borderId="19" xfId="0" applyFont="1" applyFill="1" applyBorder="1" applyAlignment="1">
      <alignment vertical="center"/>
    </xf>
    <xf numFmtId="0" fontId="22" fillId="24" borderId="19" xfId="0" applyFont="1" applyFill="1" applyBorder="1" applyAlignment="1">
      <alignment vertical="center"/>
    </xf>
    <xf numFmtId="0" fontId="22" fillId="24" borderId="20" xfId="0" applyFont="1" applyFill="1" applyBorder="1" applyAlignment="1">
      <alignment vertical="center"/>
    </xf>
    <xf numFmtId="0" fontId="22" fillId="24" borderId="0" xfId="0" applyFont="1" applyFill="1" applyAlignment="1">
      <alignment horizontal="left" vertical="center"/>
    </xf>
    <xf numFmtId="0" fontId="22" fillId="24" borderId="17" xfId="0" applyFont="1" applyFill="1" applyBorder="1" applyAlignment="1">
      <alignment horizontal="left" vertical="center"/>
    </xf>
    <xf numFmtId="0" fontId="32" fillId="24" borderId="0" xfId="0" applyFont="1" applyFill="1" applyAlignment="1">
      <alignment vertical="top"/>
    </xf>
    <xf numFmtId="0" fontId="33" fillId="24" borderId="0" xfId="0" applyFont="1" applyFill="1" applyAlignment="1">
      <alignment vertical="center"/>
    </xf>
    <xf numFmtId="0" fontId="22" fillId="27" borderId="18" xfId="0" applyFont="1" applyFill="1" applyBorder="1" applyAlignment="1">
      <alignment vertical="center" wrapText="1"/>
    </xf>
    <xf numFmtId="0" fontId="26" fillId="27" borderId="10" xfId="0" applyFont="1" applyFill="1" applyBorder="1" applyAlignment="1">
      <alignment vertical="center"/>
    </xf>
    <xf numFmtId="0" fontId="22" fillId="27" borderId="10" xfId="0" applyFont="1" applyFill="1" applyBorder="1" applyAlignment="1">
      <alignment vertical="center"/>
    </xf>
    <xf numFmtId="0" fontId="22" fillId="27" borderId="11" xfId="0" applyFont="1" applyFill="1" applyBorder="1" applyAlignment="1">
      <alignment vertical="center"/>
    </xf>
    <xf numFmtId="0" fontId="22" fillId="27" borderId="0" xfId="0" applyFont="1" applyFill="1" applyAlignment="1">
      <alignment vertical="center"/>
    </xf>
    <xf numFmtId="0" fontId="22" fillId="27" borderId="15" xfId="0" applyFont="1" applyFill="1" applyBorder="1" applyAlignment="1">
      <alignment vertical="center"/>
    </xf>
    <xf numFmtId="0" fontId="22" fillId="27" borderId="18" xfId="0" applyFont="1" applyFill="1" applyBorder="1" applyAlignment="1">
      <alignment vertical="center"/>
    </xf>
    <xf numFmtId="0" fontId="22" fillId="27" borderId="0" xfId="0" applyFont="1" applyFill="1"/>
    <xf numFmtId="0" fontId="25" fillId="27" borderId="0" xfId="0" applyFont="1" applyFill="1"/>
    <xf numFmtId="0" fontId="25" fillId="27" borderId="0" xfId="0" applyFont="1" applyFill="1" applyAlignment="1">
      <alignment vertical="center"/>
    </xf>
    <xf numFmtId="0" fontId="0" fillId="27" borderId="0" xfId="0" applyFill="1" applyAlignment="1">
      <alignment vertical="center"/>
    </xf>
    <xf numFmtId="0" fontId="22" fillId="24" borderId="0" xfId="0" applyFont="1" applyFill="1" applyAlignment="1">
      <alignment horizontal="right"/>
    </xf>
    <xf numFmtId="0" fontId="0" fillId="27" borderId="0" xfId="0" applyFill="1"/>
    <xf numFmtId="0" fontId="22" fillId="27" borderId="18" xfId="0" applyFont="1" applyFill="1" applyBorder="1" applyAlignment="1">
      <alignment horizontal="left" vertical="center"/>
    </xf>
    <xf numFmtId="0" fontId="0" fillId="27" borderId="18" xfId="0" applyFill="1" applyBorder="1" applyAlignment="1">
      <alignment horizontal="left" vertical="center"/>
    </xf>
    <xf numFmtId="0" fontId="0" fillId="27" borderId="17" xfId="0" applyFill="1" applyBorder="1" applyAlignment="1">
      <alignment vertical="center"/>
    </xf>
    <xf numFmtId="0" fontId="36" fillId="24" borderId="0" xfId="0" applyFont="1" applyFill="1"/>
    <xf numFmtId="0" fontId="39" fillId="24" borderId="0" xfId="0" applyFont="1" applyFill="1"/>
    <xf numFmtId="0" fontId="24" fillId="27" borderId="15" xfId="0" applyFont="1" applyFill="1" applyBorder="1" applyAlignment="1">
      <alignment horizontal="center" vertical="center" textRotation="255"/>
    </xf>
    <xf numFmtId="0" fontId="22" fillId="27" borderId="15" xfId="0" applyFont="1" applyFill="1" applyBorder="1" applyAlignment="1">
      <alignment horizontal="center" vertical="center"/>
    </xf>
    <xf numFmtId="0" fontId="40" fillId="0" borderId="0" xfId="0" applyFont="1"/>
    <xf numFmtId="0" fontId="41" fillId="0" borderId="0" xfId="0" applyFont="1" applyAlignment="1">
      <alignment horizontal="center" vertical="center"/>
    </xf>
    <xf numFmtId="176" fontId="41" fillId="0" borderId="0" xfId="0" applyNumberFormat="1" applyFont="1" applyAlignment="1">
      <alignment horizontal="right" vertical="center"/>
    </xf>
    <xf numFmtId="0" fontId="41" fillId="0" borderId="0" xfId="0" applyFont="1"/>
    <xf numFmtId="0" fontId="42" fillId="0" borderId="0" xfId="0" applyFont="1"/>
    <xf numFmtId="0" fontId="22" fillId="27" borderId="10" xfId="0" applyFont="1" applyFill="1" applyBorder="1" applyAlignment="1">
      <alignment horizontal="left" vertical="center"/>
    </xf>
    <xf numFmtId="0" fontId="20" fillId="27" borderId="0" xfId="0" applyFont="1" applyFill="1" applyAlignment="1">
      <alignment vertical="center"/>
    </xf>
    <xf numFmtId="0" fontId="39" fillId="27" borderId="0" xfId="0" applyFont="1" applyFill="1"/>
    <xf numFmtId="0" fontId="6" fillId="27" borderId="0" xfId="0" applyFont="1" applyFill="1" applyAlignment="1">
      <alignment vertical="center"/>
    </xf>
    <xf numFmtId="14" fontId="0" fillId="0" borderId="0" xfId="0" applyNumberFormat="1"/>
    <xf numFmtId="14" fontId="41" fillId="0" borderId="0" xfId="0" applyNumberFormat="1" applyFont="1" applyAlignment="1">
      <alignment horizontal="center" vertical="center"/>
    </xf>
    <xf numFmtId="176" fontId="41" fillId="0" borderId="0" xfId="0" applyNumberFormat="1" applyFont="1" applyAlignment="1">
      <alignment horizontal="center" vertical="center"/>
    </xf>
    <xf numFmtId="0" fontId="34" fillId="24" borderId="12" xfId="0" applyFont="1" applyFill="1" applyBorder="1" applyAlignment="1">
      <alignment vertical="center"/>
    </xf>
    <xf numFmtId="0" fontId="43" fillId="24" borderId="12" xfId="0" applyFont="1" applyFill="1" applyBorder="1" applyAlignment="1">
      <alignment horizontal="center" vertical="center" shrinkToFit="1"/>
    </xf>
    <xf numFmtId="0" fontId="44" fillId="0" borderId="13" xfId="0" applyFont="1" applyBorder="1" applyAlignment="1">
      <alignment horizontal="center" vertical="center" shrinkToFit="1"/>
    </xf>
    <xf numFmtId="0" fontId="44" fillId="0" borderId="14" xfId="0" applyFont="1" applyBorder="1" applyAlignment="1">
      <alignment horizontal="center" vertical="center" shrinkToFit="1"/>
    </xf>
    <xf numFmtId="0" fontId="22" fillId="24" borderId="22" xfId="0" applyFont="1" applyFill="1" applyBorder="1" applyAlignment="1">
      <alignment horizontal="center" vertical="center" shrinkToFit="1"/>
    </xf>
    <xf numFmtId="0" fontId="22" fillId="0" borderId="21" xfId="0" applyFont="1" applyBorder="1" applyAlignment="1">
      <alignment horizontal="center" vertical="center" shrinkToFit="1"/>
    </xf>
    <xf numFmtId="0" fontId="22" fillId="0" borderId="23" xfId="0" applyFont="1" applyBorder="1" applyAlignment="1">
      <alignment horizontal="center" vertical="center" shrinkToFit="1"/>
    </xf>
    <xf numFmtId="0" fontId="28" fillId="24" borderId="35" xfId="0" applyFont="1" applyFill="1" applyBorder="1" applyAlignment="1">
      <alignment horizontal="center" vertical="center"/>
    </xf>
    <xf numFmtId="0" fontId="28" fillId="24" borderId="10" xfId="0" applyFont="1" applyFill="1" applyBorder="1" applyAlignment="1">
      <alignment horizontal="center" vertical="center"/>
    </xf>
    <xf numFmtId="0" fontId="28" fillId="24" borderId="36" xfId="0" applyFont="1" applyFill="1" applyBorder="1" applyAlignment="1">
      <alignment horizontal="center" vertical="center"/>
    </xf>
    <xf numFmtId="0" fontId="28" fillId="24" borderId="22" xfId="0" applyFont="1" applyFill="1" applyBorder="1" applyAlignment="1">
      <alignment horizontal="center" vertical="center"/>
    </xf>
    <xf numFmtId="0" fontId="28" fillId="24" borderId="21" xfId="0" applyFont="1" applyFill="1" applyBorder="1" applyAlignment="1">
      <alignment horizontal="center" vertical="center"/>
    </xf>
    <xf numFmtId="0" fontId="28" fillId="24" borderId="23" xfId="0" applyFont="1" applyFill="1" applyBorder="1" applyAlignment="1">
      <alignment horizontal="center" vertical="center"/>
    </xf>
    <xf numFmtId="0" fontId="22" fillId="24" borderId="26" xfId="0" applyFont="1" applyFill="1" applyBorder="1" applyAlignment="1">
      <alignment horizontal="center" vertical="center"/>
    </xf>
    <xf numFmtId="0" fontId="22" fillId="25" borderId="22" xfId="0" applyFont="1" applyFill="1" applyBorder="1" applyAlignment="1">
      <alignment horizontal="center" vertical="center" shrinkToFit="1"/>
    </xf>
    <xf numFmtId="0" fontId="22" fillId="25" borderId="21" xfId="0" applyFont="1" applyFill="1" applyBorder="1" applyAlignment="1">
      <alignment horizontal="center" vertical="center" shrinkToFit="1"/>
    </xf>
    <xf numFmtId="0" fontId="22" fillId="25" borderId="23" xfId="0" applyFont="1" applyFill="1" applyBorder="1" applyAlignment="1">
      <alignment horizontal="center" vertical="center" shrinkToFit="1"/>
    </xf>
    <xf numFmtId="0" fontId="22" fillId="25" borderId="26" xfId="0" applyFont="1" applyFill="1" applyBorder="1" applyAlignment="1">
      <alignment horizontal="center" vertical="center"/>
    </xf>
    <xf numFmtId="0" fontId="23" fillId="25" borderId="12" xfId="0" applyFont="1" applyFill="1" applyBorder="1" applyAlignment="1">
      <alignment horizontal="center" vertical="center" shrinkToFit="1"/>
    </xf>
    <xf numFmtId="0" fontId="23" fillId="25" borderId="13" xfId="0" applyFont="1" applyFill="1" applyBorder="1" applyAlignment="1">
      <alignment horizontal="center" vertical="center" shrinkToFit="1"/>
    </xf>
    <xf numFmtId="0" fontId="23" fillId="25" borderId="14" xfId="0" applyFont="1" applyFill="1" applyBorder="1" applyAlignment="1">
      <alignment horizontal="center" vertical="center" shrinkToFit="1"/>
    </xf>
    <xf numFmtId="0" fontId="28" fillId="24" borderId="32" xfId="0" applyFont="1" applyFill="1" applyBorder="1" applyAlignment="1">
      <alignment horizontal="center" vertical="center"/>
    </xf>
    <xf numFmtId="0" fontId="28" fillId="24" borderId="26" xfId="0" applyFont="1" applyFill="1" applyBorder="1" applyAlignment="1">
      <alignment horizontal="center" vertical="center"/>
    </xf>
    <xf numFmtId="0" fontId="22" fillId="25" borderId="12" xfId="0" applyFont="1" applyFill="1" applyBorder="1" applyAlignment="1">
      <alignment horizontal="center" vertical="center"/>
    </xf>
    <xf numFmtId="0" fontId="22" fillId="25" borderId="13" xfId="0" applyFont="1" applyFill="1" applyBorder="1" applyAlignment="1">
      <alignment horizontal="center" vertical="center"/>
    </xf>
    <xf numFmtId="0" fontId="22" fillId="25" borderId="14" xfId="0" applyFont="1" applyFill="1" applyBorder="1" applyAlignment="1">
      <alignment horizontal="center" vertical="center"/>
    </xf>
    <xf numFmtId="0" fontId="22" fillId="25" borderId="22" xfId="0" applyFont="1" applyFill="1" applyBorder="1" applyAlignment="1">
      <alignment horizontal="center" vertical="center"/>
    </xf>
    <xf numFmtId="0" fontId="22" fillId="25" borderId="21" xfId="0" applyFont="1" applyFill="1" applyBorder="1" applyAlignment="1">
      <alignment horizontal="center" vertical="center"/>
    </xf>
    <xf numFmtId="0" fontId="22" fillId="25" borderId="23" xfId="0" applyFont="1" applyFill="1" applyBorder="1" applyAlignment="1">
      <alignment horizontal="center" vertical="center"/>
    </xf>
    <xf numFmtId="0" fontId="22" fillId="24" borderId="14" xfId="0" applyFont="1" applyFill="1" applyBorder="1" applyAlignment="1">
      <alignment horizontal="center" vertical="center"/>
    </xf>
    <xf numFmtId="0" fontId="22" fillId="24" borderId="38" xfId="0" applyFont="1" applyFill="1" applyBorder="1" applyAlignment="1">
      <alignment horizontal="center" vertical="center"/>
    </xf>
    <xf numFmtId="0" fontId="22" fillId="0" borderId="26" xfId="0" applyFont="1" applyBorder="1" applyAlignment="1">
      <alignment horizontal="center" vertical="center"/>
    </xf>
    <xf numFmtId="0" fontId="22" fillId="0" borderId="27" xfId="0" applyFont="1" applyBorder="1" applyAlignment="1">
      <alignment horizontal="center" vertical="center"/>
    </xf>
    <xf numFmtId="0" fontId="22" fillId="24" borderId="27" xfId="0" applyFont="1" applyFill="1" applyBorder="1" applyAlignment="1">
      <alignment horizontal="center" vertical="center"/>
    </xf>
    <xf numFmtId="0" fontId="22" fillId="24" borderId="12" xfId="0" applyFont="1" applyFill="1" applyBorder="1" applyAlignment="1">
      <alignment horizontal="center" vertical="center" shrinkToFit="1"/>
    </xf>
    <xf numFmtId="0" fontId="22" fillId="0" borderId="13" xfId="0" applyFont="1" applyBorder="1" applyAlignment="1">
      <alignment horizontal="center" vertical="center" shrinkToFit="1"/>
    </xf>
    <xf numFmtId="0" fontId="22" fillId="0" borderId="14" xfId="0" applyFont="1" applyBorder="1" applyAlignment="1">
      <alignment horizontal="center" vertical="center" shrinkToFit="1"/>
    </xf>
    <xf numFmtId="0" fontId="22" fillId="0" borderId="37" xfId="0" applyFont="1" applyBorder="1" applyAlignment="1">
      <alignment horizontal="center" vertical="center" shrinkToFit="1"/>
    </xf>
    <xf numFmtId="0" fontId="22" fillId="0" borderId="19" xfId="0" applyFont="1" applyBorder="1" applyAlignment="1">
      <alignment horizontal="center" vertical="center" shrinkToFit="1"/>
    </xf>
    <xf numFmtId="0" fontId="22" fillId="0" borderId="38" xfId="0" applyFont="1" applyBorder="1" applyAlignment="1">
      <alignment horizontal="center" vertical="center" shrinkToFit="1"/>
    </xf>
    <xf numFmtId="0" fontId="22" fillId="24" borderId="37" xfId="0" applyFont="1" applyFill="1" applyBorder="1" applyAlignment="1">
      <alignment horizontal="center" vertical="center" shrinkToFit="1"/>
    </xf>
    <xf numFmtId="0" fontId="22" fillId="24" borderId="21" xfId="0" applyFont="1" applyFill="1" applyBorder="1" applyAlignment="1">
      <alignment horizontal="left" vertical="center"/>
    </xf>
    <xf numFmtId="0" fontId="22" fillId="24" borderId="23" xfId="0" applyFont="1" applyFill="1" applyBorder="1" applyAlignment="1">
      <alignment horizontal="left" vertical="center"/>
    </xf>
    <xf numFmtId="0" fontId="30" fillId="24" borderId="26" xfId="0" applyFont="1" applyFill="1" applyBorder="1" applyAlignment="1">
      <alignment horizontal="center" vertical="center"/>
    </xf>
    <xf numFmtId="0" fontId="30" fillId="24" borderId="33" xfId="0" applyFont="1" applyFill="1" applyBorder="1" applyAlignment="1">
      <alignment horizontal="center" vertical="center"/>
    </xf>
    <xf numFmtId="0" fontId="30" fillId="24" borderId="32" xfId="0" applyFont="1" applyFill="1" applyBorder="1" applyAlignment="1">
      <alignment horizontal="center" vertical="center" shrinkToFit="1"/>
    </xf>
    <xf numFmtId="0" fontId="30" fillId="24" borderId="34" xfId="0" applyFont="1" applyFill="1" applyBorder="1" applyAlignment="1">
      <alignment horizontal="center" vertical="center" shrinkToFit="1"/>
    </xf>
    <xf numFmtId="0" fontId="31" fillId="24" borderId="35" xfId="0" applyFont="1" applyFill="1" applyBorder="1" applyAlignment="1">
      <alignment horizontal="center"/>
    </xf>
    <xf numFmtId="0" fontId="31" fillId="24" borderId="10" xfId="0" applyFont="1" applyFill="1" applyBorder="1" applyAlignment="1">
      <alignment horizontal="center"/>
    </xf>
    <xf numFmtId="0" fontId="31" fillId="24" borderId="36" xfId="0" applyFont="1" applyFill="1" applyBorder="1" applyAlignment="1">
      <alignment horizontal="center"/>
    </xf>
    <xf numFmtId="0" fontId="28" fillId="24" borderId="22" xfId="0" applyFont="1" applyFill="1" applyBorder="1" applyAlignment="1">
      <alignment horizontal="center" vertical="top"/>
    </xf>
    <xf numFmtId="0" fontId="28" fillId="24" borderId="21" xfId="0" applyFont="1" applyFill="1" applyBorder="1" applyAlignment="1">
      <alignment horizontal="center" vertical="top"/>
    </xf>
    <xf numFmtId="0" fontId="28" fillId="24" borderId="23" xfId="0" applyFont="1" applyFill="1" applyBorder="1" applyAlignment="1">
      <alignment horizontal="center" vertical="top"/>
    </xf>
    <xf numFmtId="0" fontId="22" fillId="24" borderId="23" xfId="0" applyFont="1" applyFill="1" applyBorder="1" applyAlignment="1">
      <alignment horizontal="center" vertical="center"/>
    </xf>
    <xf numFmtId="0" fontId="22" fillId="0" borderId="22" xfId="0" applyFont="1" applyBorder="1" applyAlignment="1">
      <alignment horizontal="center" vertical="center" shrinkToFit="1"/>
    </xf>
    <xf numFmtId="14" fontId="22" fillId="0" borderId="12" xfId="0" applyNumberFormat="1" applyFont="1" applyBorder="1" applyAlignment="1">
      <alignment horizontal="center" vertical="center"/>
    </xf>
    <xf numFmtId="14" fontId="0" fillId="0" borderId="12" xfId="0" applyNumberFormat="1" applyBorder="1" applyAlignment="1">
      <alignment horizontal="center" vertical="center"/>
    </xf>
    <xf numFmtId="14" fontId="22" fillId="0" borderId="22" xfId="0" applyNumberFormat="1" applyFont="1" applyBorder="1" applyAlignment="1">
      <alignment horizontal="center" vertical="center"/>
    </xf>
    <xf numFmtId="14" fontId="0" fillId="0" borderId="22" xfId="0" applyNumberFormat="1" applyBorder="1" applyAlignment="1">
      <alignment horizontal="center" vertical="center"/>
    </xf>
    <xf numFmtId="14" fontId="0" fillId="0" borderId="29" xfId="0" applyNumberFormat="1" applyBorder="1" applyAlignment="1">
      <alignment horizontal="center" vertical="center"/>
    </xf>
    <xf numFmtId="14" fontId="22" fillId="0" borderId="37" xfId="0" applyNumberFormat="1" applyFont="1" applyBorder="1" applyAlignment="1">
      <alignment horizontal="center" vertical="center"/>
    </xf>
    <xf numFmtId="14" fontId="0" fillId="0" borderId="39" xfId="0" applyNumberFormat="1" applyBorder="1" applyAlignment="1">
      <alignment horizontal="center" vertical="center"/>
    </xf>
    <xf numFmtId="0" fontId="35" fillId="24" borderId="28" xfId="0" applyFont="1" applyFill="1" applyBorder="1" applyAlignment="1">
      <alignment horizontal="center" vertical="center" shrinkToFit="1"/>
    </xf>
    <xf numFmtId="0" fontId="35" fillId="24" borderId="0" xfId="0" applyFont="1" applyFill="1" applyAlignment="1">
      <alignment horizontal="center" vertical="center" shrinkToFit="1"/>
    </xf>
    <xf numFmtId="0" fontId="35" fillId="24" borderId="17" xfId="0" applyFont="1" applyFill="1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17" xfId="0" applyBorder="1" applyAlignment="1">
      <alignment horizontal="center" vertical="center" shrinkToFit="1"/>
    </xf>
    <xf numFmtId="0" fontId="22" fillId="25" borderId="24" xfId="0" applyFont="1" applyFill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22" fillId="27" borderId="24" xfId="0" applyFont="1" applyFill="1" applyBorder="1" applyAlignment="1">
      <alignment horizontal="center" vertical="center"/>
    </xf>
    <xf numFmtId="0" fontId="0" fillId="27" borderId="25" xfId="0" applyFill="1" applyBorder="1" applyAlignment="1">
      <alignment horizontal="center" vertical="center"/>
    </xf>
    <xf numFmtId="0" fontId="0" fillId="27" borderId="20" xfId="0" applyFill="1" applyBorder="1" applyAlignment="1">
      <alignment horizontal="center" vertical="center"/>
    </xf>
    <xf numFmtId="0" fontId="22" fillId="25" borderId="12" xfId="0" applyFont="1" applyFill="1" applyBorder="1" applyAlignment="1">
      <alignment horizontal="right" vertical="center"/>
    </xf>
    <xf numFmtId="0" fontId="0" fillId="0" borderId="13" xfId="0" applyBorder="1" applyAlignment="1">
      <alignment horizontal="right" vertical="center"/>
    </xf>
    <xf numFmtId="0" fontId="0" fillId="0" borderId="22" xfId="0" applyBorder="1" applyAlignment="1">
      <alignment horizontal="right" vertical="center"/>
    </xf>
    <xf numFmtId="0" fontId="0" fillId="0" borderId="21" xfId="0" applyBorder="1" applyAlignment="1">
      <alignment horizontal="right" vertical="center"/>
    </xf>
    <xf numFmtId="0" fontId="22" fillId="27" borderId="12" xfId="0" applyFont="1" applyFill="1" applyBorder="1" applyAlignment="1">
      <alignment horizontal="right" vertical="center"/>
    </xf>
    <xf numFmtId="0" fontId="0" fillId="27" borderId="13" xfId="0" applyFill="1" applyBorder="1" applyAlignment="1">
      <alignment horizontal="right" vertical="center"/>
    </xf>
    <xf numFmtId="0" fontId="0" fillId="27" borderId="22" xfId="0" applyFill="1" applyBorder="1" applyAlignment="1">
      <alignment horizontal="right" vertical="center"/>
    </xf>
    <xf numFmtId="0" fontId="0" fillId="27" borderId="21" xfId="0" applyFill="1" applyBorder="1" applyAlignment="1">
      <alignment horizontal="right" vertical="center"/>
    </xf>
    <xf numFmtId="0" fontId="0" fillId="27" borderId="37" xfId="0" applyFill="1" applyBorder="1" applyAlignment="1">
      <alignment horizontal="right" vertical="center"/>
    </xf>
    <xf numFmtId="0" fontId="0" fillId="27" borderId="19" xfId="0" applyFill="1" applyBorder="1" applyAlignment="1">
      <alignment horizontal="right" vertical="center"/>
    </xf>
    <xf numFmtId="0" fontId="21" fillId="26" borderId="16" xfId="0" applyFont="1" applyFill="1" applyBorder="1" applyAlignment="1">
      <alignment vertical="center"/>
    </xf>
    <xf numFmtId="0" fontId="0" fillId="26" borderId="16" xfId="0" applyFill="1" applyBorder="1" applyAlignment="1">
      <alignment vertical="center"/>
    </xf>
    <xf numFmtId="0" fontId="30" fillId="24" borderId="35" xfId="0" applyFont="1" applyFill="1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14" fontId="22" fillId="25" borderId="12" xfId="0" applyNumberFormat="1" applyFont="1" applyFill="1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14" fontId="0" fillId="0" borderId="14" xfId="0" applyNumberFormat="1" applyBorder="1" applyAlignment="1">
      <alignment horizontal="center" vertical="center"/>
    </xf>
    <xf numFmtId="14" fontId="0" fillId="0" borderId="23" xfId="0" applyNumberFormat="1" applyBorder="1" applyAlignment="1">
      <alignment horizontal="center" vertical="center"/>
    </xf>
    <xf numFmtId="0" fontId="37" fillId="24" borderId="0" xfId="0" applyFont="1" applyFill="1" applyAlignment="1">
      <alignment horizontal="center" vertical="center"/>
    </xf>
    <xf numFmtId="0" fontId="38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22" fillId="26" borderId="10" xfId="0" applyFont="1" applyFill="1" applyBorder="1" applyAlignment="1">
      <alignment horizontal="right" vertical="center"/>
    </xf>
    <xf numFmtId="0" fontId="0" fillId="26" borderId="10" xfId="0" applyFill="1" applyBorder="1" applyAlignment="1">
      <alignment vertical="center"/>
    </xf>
    <xf numFmtId="0" fontId="0" fillId="0" borderId="10" xfId="0" applyBorder="1" applyAlignment="1">
      <alignment vertical="center"/>
    </xf>
    <xf numFmtId="49" fontId="28" fillId="24" borderId="29" xfId="0" applyNumberFormat="1" applyFont="1" applyFill="1" applyBorder="1" applyAlignment="1">
      <alignment vertical="center" textRotation="255" wrapText="1"/>
    </xf>
    <xf numFmtId="0" fontId="0" fillId="0" borderId="30" xfId="0" applyBorder="1" applyAlignment="1">
      <alignment vertical="center" textRotation="255" wrapText="1"/>
    </xf>
    <xf numFmtId="0" fontId="0" fillId="0" borderId="31" xfId="0" applyBorder="1" applyAlignment="1">
      <alignment vertical="center" textRotation="255" wrapText="1"/>
    </xf>
    <xf numFmtId="0" fontId="29" fillId="24" borderId="13" xfId="0" applyFont="1" applyFill="1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0" xfId="0" applyAlignment="1">
      <alignment vertical="center"/>
    </xf>
    <xf numFmtId="0" fontId="0" fillId="0" borderId="17" xfId="0" applyBorder="1" applyAlignment="1">
      <alignment vertical="center"/>
    </xf>
    <xf numFmtId="0" fontId="29" fillId="24" borderId="28" xfId="0" applyFont="1" applyFill="1" applyBorder="1" applyAlignment="1">
      <alignment vertical="center"/>
    </xf>
    <xf numFmtId="0" fontId="22" fillId="26" borderId="0" xfId="0" applyFont="1" applyFill="1" applyAlignment="1">
      <alignment vertical="center" wrapText="1"/>
    </xf>
    <xf numFmtId="0" fontId="0" fillId="26" borderId="0" xfId="0" applyFill="1" applyAlignment="1">
      <alignment vertical="center" wrapText="1"/>
    </xf>
    <xf numFmtId="0" fontId="0" fillId="26" borderId="16" xfId="0" applyFill="1" applyBorder="1" applyAlignment="1">
      <alignment vertical="center" wrapText="1"/>
    </xf>
    <xf numFmtId="0" fontId="22" fillId="26" borderId="16" xfId="0" applyFont="1" applyFill="1" applyBorder="1" applyAlignment="1">
      <alignment vertical="center" wrapText="1"/>
    </xf>
    <xf numFmtId="0" fontId="22" fillId="26" borderId="0" xfId="0" applyFont="1" applyFill="1" applyAlignment="1">
      <alignment vertical="center"/>
    </xf>
    <xf numFmtId="0" fontId="22" fillId="26" borderId="16" xfId="0" applyFont="1" applyFill="1" applyBorder="1" applyAlignment="1">
      <alignment vertical="center"/>
    </xf>
    <xf numFmtId="0" fontId="41" fillId="0" borderId="0" xfId="0" applyFont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colors>
    <mruColors>
      <color rgb="FFFFFFCC"/>
      <color rgb="FFFFD03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104775</xdr:colOff>
      <xdr:row>34</xdr:row>
      <xdr:rowOff>0</xdr:rowOff>
    </xdr:from>
    <xdr:to>
      <xdr:col>30</xdr:col>
      <xdr:colOff>152400</xdr:colOff>
      <xdr:row>34</xdr:row>
      <xdr:rowOff>0</xdr:rowOff>
    </xdr:to>
    <xdr:grpSp>
      <xdr:nvGrpSpPr>
        <xdr:cNvPr id="2514" name="Group 8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GrpSpPr>
          <a:grpSpLocks/>
        </xdr:cNvGrpSpPr>
      </xdr:nvGrpSpPr>
      <xdr:grpSpPr bwMode="auto">
        <a:xfrm>
          <a:off x="6003925" y="6959600"/>
          <a:ext cx="987425" cy="0"/>
          <a:chOff x="610" y="1161"/>
          <a:chExt cx="114" cy="27"/>
        </a:xfrm>
      </xdr:grpSpPr>
      <xdr:sp macro="" textlink="">
        <xdr:nvSpPr>
          <xdr:cNvPr id="6153" name="Rectangle 9">
            <a:extLst>
              <a:ext uri="{FF2B5EF4-FFF2-40B4-BE49-F238E27FC236}">
                <a16:creationId xmlns:a16="http://schemas.microsoft.com/office/drawing/2014/main" id="{00000000-0008-0000-0000-000009180000}"/>
              </a:ext>
            </a:extLst>
          </xdr:cNvPr>
          <xdr:cNvSpPr>
            <a:spLocks noChangeArrowheads="1"/>
          </xdr:cNvSpPr>
        </xdr:nvSpPr>
        <xdr:spPr bwMode="auto">
          <a:xfrm>
            <a:off x="-5840460309207" y="12230100"/>
            <a:ext cx="114" cy="0"/>
          </a:xfrm>
          <a:prstGeom prst="rect">
            <a:avLst/>
          </a:prstGeom>
          <a:noFill/>
          <a:ln w="19050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FFFF" mc:Ignorable="a14" a14:legacySpreadsheetColorIndex="9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領収書     要</a:t>
            </a:r>
          </a:p>
        </xdr:txBody>
      </xdr:sp>
      <xdr:sp macro="" textlink="">
        <xdr:nvSpPr>
          <xdr:cNvPr id="2533" name="Line 10">
            <a:extLst>
              <a:ext uri="{FF2B5EF4-FFF2-40B4-BE49-F238E27FC236}">
                <a16:creationId xmlns:a16="http://schemas.microsoft.com/office/drawing/2014/main" id="{00000000-0008-0000-0000-0000E5090000}"/>
              </a:ext>
            </a:extLst>
          </xdr:cNvPr>
          <xdr:cNvSpPr>
            <a:spLocks noChangeShapeType="1"/>
          </xdr:cNvSpPr>
        </xdr:nvSpPr>
        <xdr:spPr bwMode="auto">
          <a:xfrm>
            <a:off x="685" y="1161"/>
            <a:ext cx="0" cy="27"/>
          </a:xfrm>
          <a:prstGeom prst="line">
            <a:avLst/>
          </a:prstGeom>
          <a:noFill/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xdr:spPr>
      </xdr:sp>
    </xdr:grpSp>
    <xdr:clientData/>
  </xdr:twoCellAnchor>
  <xdr:twoCellAnchor>
    <xdr:from>
      <xdr:col>25</xdr:col>
      <xdr:colOff>104775</xdr:colOff>
      <xdr:row>34</xdr:row>
      <xdr:rowOff>0</xdr:rowOff>
    </xdr:from>
    <xdr:to>
      <xdr:col>30</xdr:col>
      <xdr:colOff>152400</xdr:colOff>
      <xdr:row>34</xdr:row>
      <xdr:rowOff>0</xdr:rowOff>
    </xdr:to>
    <xdr:grpSp>
      <xdr:nvGrpSpPr>
        <xdr:cNvPr id="2515" name="Group 11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GrpSpPr>
          <a:grpSpLocks/>
        </xdr:cNvGrpSpPr>
      </xdr:nvGrpSpPr>
      <xdr:grpSpPr bwMode="auto">
        <a:xfrm>
          <a:off x="6003925" y="6959600"/>
          <a:ext cx="987425" cy="0"/>
          <a:chOff x="710" y="1108"/>
          <a:chExt cx="114" cy="26"/>
        </a:xfrm>
      </xdr:grpSpPr>
      <xdr:sp macro="" textlink="">
        <xdr:nvSpPr>
          <xdr:cNvPr id="6156" name="Rectangle 12">
            <a:extLst>
              <a:ext uri="{FF2B5EF4-FFF2-40B4-BE49-F238E27FC236}">
                <a16:creationId xmlns:a16="http://schemas.microsoft.com/office/drawing/2014/main" id="{00000000-0008-0000-0000-00000C180000}"/>
              </a:ext>
            </a:extLst>
          </xdr:cNvPr>
          <xdr:cNvSpPr>
            <a:spLocks noChangeArrowheads="1"/>
          </xdr:cNvSpPr>
        </xdr:nvSpPr>
        <xdr:spPr bwMode="auto">
          <a:xfrm>
            <a:off x="-9585557511657" y="12230100"/>
            <a:ext cx="114" cy="0"/>
          </a:xfrm>
          <a:prstGeom prst="rect">
            <a:avLst/>
          </a:prstGeom>
          <a:noFill/>
          <a:ln w="19050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FFFF" mc:Ignorable="a14" a14:legacySpreadsheetColorIndex="65"/>
                </a:solidFill>
              </a14:hiddenFill>
            </a:ext>
          </a:extLst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請求書     要</a:t>
            </a:r>
          </a:p>
        </xdr:txBody>
      </xdr:sp>
      <xdr:sp macro="" textlink="">
        <xdr:nvSpPr>
          <xdr:cNvPr id="2531" name="Line 13">
            <a:extLst>
              <a:ext uri="{FF2B5EF4-FFF2-40B4-BE49-F238E27FC236}">
                <a16:creationId xmlns:a16="http://schemas.microsoft.com/office/drawing/2014/main" id="{00000000-0008-0000-0000-0000E3090000}"/>
              </a:ext>
            </a:extLst>
          </xdr:cNvPr>
          <xdr:cNvSpPr>
            <a:spLocks noChangeShapeType="1"/>
          </xdr:cNvSpPr>
        </xdr:nvSpPr>
        <xdr:spPr bwMode="auto">
          <a:xfrm>
            <a:off x="785" y="1108"/>
            <a:ext cx="0" cy="25"/>
          </a:xfrm>
          <a:prstGeom prst="line">
            <a:avLst/>
          </a:prstGeom>
          <a:noFill/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</xdr:grpSp>
    <xdr:clientData/>
  </xdr:twoCellAnchor>
  <xdr:twoCellAnchor>
    <xdr:from>
      <xdr:col>25</xdr:col>
      <xdr:colOff>104775</xdr:colOff>
      <xdr:row>34</xdr:row>
      <xdr:rowOff>0</xdr:rowOff>
    </xdr:from>
    <xdr:to>
      <xdr:col>30</xdr:col>
      <xdr:colOff>152400</xdr:colOff>
      <xdr:row>34</xdr:row>
      <xdr:rowOff>0</xdr:rowOff>
    </xdr:to>
    <xdr:grpSp>
      <xdr:nvGrpSpPr>
        <xdr:cNvPr id="2518" name="Group 16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GrpSpPr>
          <a:grpSpLocks/>
        </xdr:cNvGrpSpPr>
      </xdr:nvGrpSpPr>
      <xdr:grpSpPr bwMode="auto">
        <a:xfrm>
          <a:off x="6003925" y="6959600"/>
          <a:ext cx="987425" cy="0"/>
          <a:chOff x="610" y="1161"/>
          <a:chExt cx="114" cy="27"/>
        </a:xfrm>
      </xdr:grpSpPr>
      <xdr:sp macro="" textlink="">
        <xdr:nvSpPr>
          <xdr:cNvPr id="6161" name="Rectangle 17">
            <a:extLst>
              <a:ext uri="{FF2B5EF4-FFF2-40B4-BE49-F238E27FC236}">
                <a16:creationId xmlns:a16="http://schemas.microsoft.com/office/drawing/2014/main" id="{00000000-0008-0000-0000-000011180000}"/>
              </a:ext>
            </a:extLst>
          </xdr:cNvPr>
          <xdr:cNvSpPr>
            <a:spLocks noChangeArrowheads="1"/>
          </xdr:cNvSpPr>
        </xdr:nvSpPr>
        <xdr:spPr bwMode="auto">
          <a:xfrm>
            <a:off x="-5840460309207" y="12230100"/>
            <a:ext cx="114" cy="0"/>
          </a:xfrm>
          <a:prstGeom prst="rect">
            <a:avLst/>
          </a:prstGeom>
          <a:noFill/>
          <a:ln w="19050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FFFF" mc:Ignorable="a14" a14:legacySpreadsheetColorIndex="9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領収書     要</a:t>
            </a:r>
          </a:p>
        </xdr:txBody>
      </xdr:sp>
      <xdr:sp macro="" textlink="">
        <xdr:nvSpPr>
          <xdr:cNvPr id="2529" name="Line 18">
            <a:extLst>
              <a:ext uri="{FF2B5EF4-FFF2-40B4-BE49-F238E27FC236}">
                <a16:creationId xmlns:a16="http://schemas.microsoft.com/office/drawing/2014/main" id="{00000000-0008-0000-0000-0000E1090000}"/>
              </a:ext>
            </a:extLst>
          </xdr:cNvPr>
          <xdr:cNvSpPr>
            <a:spLocks noChangeShapeType="1"/>
          </xdr:cNvSpPr>
        </xdr:nvSpPr>
        <xdr:spPr bwMode="auto">
          <a:xfrm>
            <a:off x="685" y="1161"/>
            <a:ext cx="0" cy="27"/>
          </a:xfrm>
          <a:prstGeom prst="line">
            <a:avLst/>
          </a:prstGeom>
          <a:noFill/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xdr:spPr>
      </xdr:sp>
    </xdr:grpSp>
    <xdr:clientData/>
  </xdr:twoCellAnchor>
  <xdr:twoCellAnchor>
    <xdr:from>
      <xdr:col>25</xdr:col>
      <xdr:colOff>104775</xdr:colOff>
      <xdr:row>34</xdr:row>
      <xdr:rowOff>0</xdr:rowOff>
    </xdr:from>
    <xdr:to>
      <xdr:col>30</xdr:col>
      <xdr:colOff>152400</xdr:colOff>
      <xdr:row>34</xdr:row>
      <xdr:rowOff>0</xdr:rowOff>
    </xdr:to>
    <xdr:grpSp>
      <xdr:nvGrpSpPr>
        <xdr:cNvPr id="2519" name="Group 19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GrpSpPr>
          <a:grpSpLocks/>
        </xdr:cNvGrpSpPr>
      </xdr:nvGrpSpPr>
      <xdr:grpSpPr bwMode="auto">
        <a:xfrm>
          <a:off x="6003925" y="6959600"/>
          <a:ext cx="987425" cy="0"/>
          <a:chOff x="710" y="1108"/>
          <a:chExt cx="114" cy="26"/>
        </a:xfrm>
      </xdr:grpSpPr>
      <xdr:sp macro="" textlink="">
        <xdr:nvSpPr>
          <xdr:cNvPr id="6164" name="Rectangle 20">
            <a:extLst>
              <a:ext uri="{FF2B5EF4-FFF2-40B4-BE49-F238E27FC236}">
                <a16:creationId xmlns:a16="http://schemas.microsoft.com/office/drawing/2014/main" id="{00000000-0008-0000-0000-000014180000}"/>
              </a:ext>
            </a:extLst>
          </xdr:cNvPr>
          <xdr:cNvSpPr>
            <a:spLocks noChangeArrowheads="1"/>
          </xdr:cNvSpPr>
        </xdr:nvSpPr>
        <xdr:spPr bwMode="auto">
          <a:xfrm>
            <a:off x="-9585557511657" y="12230100"/>
            <a:ext cx="114" cy="0"/>
          </a:xfrm>
          <a:prstGeom prst="rect">
            <a:avLst/>
          </a:prstGeom>
          <a:noFill/>
          <a:ln w="19050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FFFF" mc:Ignorable="a14" a14:legacySpreadsheetColorIndex="65"/>
                </a:solidFill>
              </a14:hiddenFill>
            </a:ext>
          </a:extLst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請求書     要</a:t>
            </a:r>
          </a:p>
        </xdr:txBody>
      </xdr:sp>
      <xdr:sp macro="" textlink="">
        <xdr:nvSpPr>
          <xdr:cNvPr id="2527" name="Line 21">
            <a:extLst>
              <a:ext uri="{FF2B5EF4-FFF2-40B4-BE49-F238E27FC236}">
                <a16:creationId xmlns:a16="http://schemas.microsoft.com/office/drawing/2014/main" id="{00000000-0008-0000-0000-0000DF090000}"/>
              </a:ext>
            </a:extLst>
          </xdr:cNvPr>
          <xdr:cNvSpPr>
            <a:spLocks noChangeShapeType="1"/>
          </xdr:cNvSpPr>
        </xdr:nvSpPr>
        <xdr:spPr bwMode="auto">
          <a:xfrm>
            <a:off x="785" y="1108"/>
            <a:ext cx="0" cy="25"/>
          </a:xfrm>
          <a:prstGeom prst="line">
            <a:avLst/>
          </a:prstGeom>
          <a:noFill/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</xdr:grp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windows\TEMP\~0055727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13.31\c\DOCUME~1\tg12355\LOCALS~1\Temp\&#31179;&#26716;&#22823;&#20250;&#30330;&#36865;&#12539;&#21442;&#21152;&#30003;&#36796;&#12415;&#12522;&#12473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7P100\Shared\satoe\&#20154;&#20107;\&#36864;&#32887;&#38306;&#36899;\&#35500;&#26126;&#20250;&#20381;&#3897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住所リスト"/>
      <sheetName val="ｼｰﾙ打出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>
        <row r="4">
          <cell r="C4" t="str">
            <v>〒452-0803</v>
          </cell>
          <cell r="D4" t="str">
            <v>名古屋市西区大野木4-125</v>
          </cell>
          <cell r="E4" t="str">
            <v>松山  将浩</v>
          </cell>
        </row>
        <row r="5">
          <cell r="C5" t="str">
            <v>〒174-0046</v>
          </cell>
          <cell r="D5" t="str">
            <v>大阪市港区港晴2-3-2-404</v>
          </cell>
          <cell r="E5" t="str">
            <v>杉上  隆夫</v>
          </cell>
        </row>
        <row r="6">
          <cell r="C6" t="str">
            <v>〒422-8056</v>
          </cell>
          <cell r="D6" t="str">
            <v>埼玉県蓮田市黒浜802-6</v>
          </cell>
          <cell r="E6" t="str">
            <v>山下  純平</v>
          </cell>
        </row>
        <row r="7">
          <cell r="C7" t="str">
            <v>〒472-0012</v>
          </cell>
          <cell r="D7" t="str">
            <v>沖縄県那覇市松川３６１</v>
          </cell>
          <cell r="E7" t="str">
            <v>仲本  俊樹</v>
          </cell>
        </row>
        <row r="8">
          <cell r="C8" t="str">
            <v>〒038-0045</v>
          </cell>
          <cell r="D8" t="str">
            <v>牛田  好彦</v>
          </cell>
          <cell r="E8" t="str">
            <v>牛田  好彦</v>
          </cell>
        </row>
        <row r="9">
          <cell r="C9" t="str">
            <v>〒861-4124</v>
          </cell>
          <cell r="D9" t="str">
            <v>焼津市大村新田357-3</v>
          </cell>
          <cell r="E9" t="str">
            <v>法月  美晴</v>
          </cell>
        </row>
        <row r="10">
          <cell r="C10" t="str">
            <v>〒080-1200</v>
          </cell>
          <cell r="D10" t="str">
            <v>浜松市塩町52</v>
          </cell>
          <cell r="E10" t="str">
            <v>井嶋  秀和</v>
          </cell>
        </row>
        <row r="11">
          <cell r="C11" t="str">
            <v>〒432-8012</v>
          </cell>
          <cell r="D11" t="str">
            <v>北海道札幌市西区平和1条6-7-19</v>
          </cell>
          <cell r="E11" t="str">
            <v>大西  真人</v>
          </cell>
        </row>
        <row r="12">
          <cell r="C12" t="str">
            <v>〒355-0016</v>
          </cell>
          <cell r="D12" t="str">
            <v>神奈川県藤沢市石川642-14</v>
          </cell>
          <cell r="E12" t="str">
            <v>鎌田  康起</v>
          </cell>
        </row>
        <row r="13">
          <cell r="C13" t="str">
            <v>〒411-0943</v>
          </cell>
          <cell r="D13" t="str">
            <v>豊田市保見ヶ丘4-1 保見団地23-301</v>
          </cell>
          <cell r="E13" t="str">
            <v>近藤  公臣</v>
          </cell>
        </row>
        <row r="14">
          <cell r="C14" t="str">
            <v>〒434-0028</v>
          </cell>
          <cell r="D14" t="str">
            <v>浜北市上善地548-3</v>
          </cell>
          <cell r="E14" t="str">
            <v>鈴木  洋佑</v>
          </cell>
        </row>
        <row r="15">
          <cell r="C15" t="str">
            <v>〒432-8002</v>
          </cell>
          <cell r="D15" t="str">
            <v>浜松市富塚町3347-36</v>
          </cell>
          <cell r="E15" t="str">
            <v>高村  為市朗</v>
          </cell>
        </row>
        <row r="16">
          <cell r="C16" t="str">
            <v>〒448-0856</v>
          </cell>
          <cell r="D16" t="str">
            <v>愛知県刈谷市寿町2-102</v>
          </cell>
          <cell r="E16" t="str">
            <v>沼田  一成</v>
          </cell>
        </row>
        <row r="17">
          <cell r="C17" t="str">
            <v>〒431-1305</v>
          </cell>
          <cell r="D17" t="str">
            <v>静岡県引佐郡細江町気賀9510-2</v>
          </cell>
          <cell r="E17" t="str">
            <v>野澤  良</v>
          </cell>
        </row>
        <row r="18">
          <cell r="C18" t="str">
            <v>〒153-0063</v>
          </cell>
          <cell r="D18" t="str">
            <v>東京都目黒区目黒1-3-26-303</v>
          </cell>
          <cell r="E18" t="str">
            <v>長谷部  孝一</v>
          </cell>
        </row>
        <row r="19">
          <cell r="C19" t="str">
            <v>〒425-0014</v>
          </cell>
          <cell r="D19" t="str">
            <v>焼津市中里326-4</v>
          </cell>
          <cell r="E19" t="str">
            <v>山崎  勇介</v>
          </cell>
        </row>
        <row r="20">
          <cell r="C20" t="str">
            <v>〒352-0012</v>
          </cell>
          <cell r="D20" t="str">
            <v>埼玉県新座市畑中3-1-15-302</v>
          </cell>
          <cell r="E20" t="str">
            <v>菊池  勝美</v>
          </cell>
        </row>
        <row r="21">
          <cell r="C21" t="str">
            <v>〒424-0901</v>
          </cell>
          <cell r="D21" t="str">
            <v>清水市三保287-1</v>
          </cell>
          <cell r="E21" t="str">
            <v>鈴木  信也</v>
          </cell>
        </row>
        <row r="22">
          <cell r="C22" t="str">
            <v>〒174-0046</v>
          </cell>
          <cell r="D22" t="str">
            <v>東京都板橋区蓮根2-29-12-305</v>
          </cell>
          <cell r="E22" t="str">
            <v>武田  久仁彦</v>
          </cell>
        </row>
        <row r="23">
          <cell r="C23" t="str">
            <v>〒311-4145</v>
          </cell>
          <cell r="D23" t="str">
            <v>茨城県水戸市双葉台1-26-9</v>
          </cell>
          <cell r="E23" t="str">
            <v>森     健治</v>
          </cell>
        </row>
        <row r="24">
          <cell r="C24" t="str">
            <v>〒431-4305</v>
          </cell>
          <cell r="D24" t="str">
            <v>静岡県引佐郡細江町気賀1412-1</v>
          </cell>
          <cell r="E24" t="str">
            <v>吉田  直樹</v>
          </cell>
        </row>
        <row r="25">
          <cell r="C25" t="str">
            <v>〒437-1203</v>
          </cell>
          <cell r="D25" t="str">
            <v>静岡県磐田郡福田町福田938-7</v>
          </cell>
          <cell r="E25" t="str">
            <v>眞田  昌明</v>
          </cell>
        </row>
        <row r="26">
          <cell r="C26" t="str">
            <v>〒193-0816</v>
          </cell>
          <cell r="D26" t="str">
            <v>東京都八王子市大楽寺町231-9 今川方</v>
          </cell>
          <cell r="E26" t="str">
            <v>猿谷  吾朗</v>
          </cell>
        </row>
        <row r="27">
          <cell r="C27" t="str">
            <v>〒433-8122</v>
          </cell>
          <cell r="D27" t="str">
            <v>浜松市上島5-1-16</v>
          </cell>
          <cell r="E27" t="str">
            <v>高橋  淳一</v>
          </cell>
        </row>
        <row r="28">
          <cell r="C28" t="str">
            <v>〒420-0838</v>
          </cell>
          <cell r="D28" t="str">
            <v>静岡市相生町18-12</v>
          </cell>
          <cell r="E28" t="str">
            <v>山崎  博之</v>
          </cell>
        </row>
        <row r="29">
          <cell r="C29" t="str">
            <v>〒424-0846</v>
          </cell>
          <cell r="D29" t="str">
            <v>清水市木の下町97</v>
          </cell>
          <cell r="E29" t="str">
            <v>井柳  清文</v>
          </cell>
        </row>
        <row r="30">
          <cell r="C30" t="str">
            <v>〒842-0052</v>
          </cell>
          <cell r="D30" t="str">
            <v>佐賀県神埼郡千代田町大字姉89-11</v>
          </cell>
          <cell r="E30" t="str">
            <v>江口  里志</v>
          </cell>
        </row>
        <row r="31">
          <cell r="C31" t="str">
            <v>〒422-8056</v>
          </cell>
          <cell r="D31" t="str">
            <v>静岡市津島町5-22-101</v>
          </cell>
          <cell r="E31" t="str">
            <v>小串  浩介</v>
          </cell>
        </row>
        <row r="32">
          <cell r="C32" t="str">
            <v>〒433-8114</v>
          </cell>
          <cell r="D32" t="str">
            <v>浜松市葵東2-3-16-211</v>
          </cell>
          <cell r="E32" t="str">
            <v>河上  智典</v>
          </cell>
        </row>
        <row r="33">
          <cell r="C33" t="str">
            <v>〒421-0217</v>
          </cell>
          <cell r="D33" t="str">
            <v>志太郡大井川町上泉612-34</v>
          </cell>
          <cell r="E33" t="str">
            <v>鈴木  祥吾</v>
          </cell>
        </row>
        <row r="34">
          <cell r="C34" t="str">
            <v>〒251-0015</v>
          </cell>
          <cell r="D34" t="str">
            <v>神奈川県藤沢市川名1-6-12</v>
          </cell>
          <cell r="E34" t="str">
            <v>砂川  修治</v>
          </cell>
        </row>
        <row r="35">
          <cell r="C35" t="str">
            <v>〒421-1314</v>
          </cell>
          <cell r="D35" t="str">
            <v>静岡市大原96</v>
          </cell>
          <cell r="E35" t="str">
            <v>和田  憲</v>
          </cell>
        </row>
        <row r="36">
          <cell r="C36" t="str">
            <v>〒895-0067</v>
          </cell>
          <cell r="D36" t="str">
            <v>鹿児島県川内市川内町5645-2</v>
          </cell>
          <cell r="E36" t="str">
            <v>石塚 龍一郎</v>
          </cell>
        </row>
        <row r="37">
          <cell r="C37" t="str">
            <v>〒509-0142</v>
          </cell>
          <cell r="D37" t="str">
            <v>岐阜県各務原市鵜沼丸子町2-430-5</v>
          </cell>
          <cell r="E37" t="str">
            <v>田中  聡</v>
          </cell>
        </row>
        <row r="38">
          <cell r="C38" t="str">
            <v>〒472-0012</v>
          </cell>
          <cell r="D38" t="str">
            <v>愛知県知立市八ッ田町1-9-5</v>
          </cell>
          <cell r="E38" t="str">
            <v>野々山  貴</v>
          </cell>
        </row>
        <row r="39">
          <cell r="C39" t="str">
            <v>〒431-1112</v>
          </cell>
          <cell r="D39" t="str">
            <v>浜松市大人見町12-332</v>
          </cell>
          <cell r="E39" t="str">
            <v>松浦  栄治</v>
          </cell>
        </row>
        <row r="40">
          <cell r="C40" t="str">
            <v>〒411-0905</v>
          </cell>
          <cell r="D40" t="str">
            <v>静岡県駿東郡清水町長沢962-2</v>
          </cell>
          <cell r="E40" t="str">
            <v>太田  和宏</v>
          </cell>
        </row>
        <row r="41">
          <cell r="C41" t="str">
            <v>〒237-0076</v>
          </cell>
          <cell r="D41" t="str">
            <v>神奈川県横須賀市船越町6-56</v>
          </cell>
          <cell r="E41" t="str">
            <v>後藤  仁志</v>
          </cell>
        </row>
        <row r="42">
          <cell r="C42" t="str">
            <v>〒422-8006</v>
          </cell>
          <cell r="D42" t="str">
            <v>静岡市曲金3-12-48</v>
          </cell>
          <cell r="E42" t="str">
            <v>小林  利春</v>
          </cell>
        </row>
        <row r="43">
          <cell r="C43" t="str">
            <v>〒818-0118</v>
          </cell>
          <cell r="D43" t="str">
            <v>福岡県太宰府石坂3-4-58</v>
          </cell>
          <cell r="E43" t="str">
            <v>下瀬  冬樹</v>
          </cell>
        </row>
        <row r="44">
          <cell r="C44" t="str">
            <v>〒902-0061</v>
          </cell>
          <cell r="D44" t="str">
            <v>沖縄県那覇市古島1-1-18</v>
          </cell>
          <cell r="E44" t="str">
            <v>宮城  正人</v>
          </cell>
        </row>
        <row r="45">
          <cell r="C45" t="str">
            <v>〒457-0064</v>
          </cell>
          <cell r="D45" t="str">
            <v>名古屋市南区星崎1-93</v>
          </cell>
          <cell r="E45" t="str">
            <v>矢田  修</v>
          </cell>
        </row>
        <row r="46">
          <cell r="C46" t="str">
            <v>〒430-0904</v>
          </cell>
          <cell r="D46" t="str">
            <v>浜松市中沢町51-13</v>
          </cell>
          <cell r="E46" t="str">
            <v>井戸澤 敢</v>
          </cell>
        </row>
        <row r="47">
          <cell r="C47" t="str">
            <v>〒431-3303</v>
          </cell>
          <cell r="D47" t="str">
            <v>天竜市山東4228-1</v>
          </cell>
          <cell r="E47" t="str">
            <v>大石 直睦</v>
          </cell>
        </row>
        <row r="48">
          <cell r="C48" t="str">
            <v>〒210-0011</v>
          </cell>
          <cell r="D48" t="str">
            <v>川崎市川崎区富士見2-5-7須山ﾋﾞﾙ303</v>
          </cell>
          <cell r="E48" t="str">
            <v>竹澤 伸彦</v>
          </cell>
        </row>
        <row r="49">
          <cell r="C49" t="str">
            <v>〒210-0846</v>
          </cell>
          <cell r="D49" t="str">
            <v>神奈川県川崎市川崎区小田2-9-7</v>
          </cell>
          <cell r="E49" t="str">
            <v>中村 晋作</v>
          </cell>
        </row>
        <row r="50">
          <cell r="C50" t="str">
            <v>〒455-0074</v>
          </cell>
          <cell r="D50" t="str">
            <v>名古屋市港区正保町8-33-205</v>
          </cell>
          <cell r="E50" t="str">
            <v>平賀 雄一</v>
          </cell>
        </row>
        <row r="51">
          <cell r="C51" t="str">
            <v>〒421-0203</v>
          </cell>
          <cell r="D51" t="str">
            <v>志太郡大井川町藤守2779-5</v>
          </cell>
          <cell r="E51" t="str">
            <v>松崎 太輔</v>
          </cell>
        </row>
        <row r="52">
          <cell r="C52" t="str">
            <v>〒901-2113</v>
          </cell>
          <cell r="D52" t="str">
            <v>沖縄県浦添市大平1-34-2-103</v>
          </cell>
          <cell r="E52" t="str">
            <v>粟國 次男</v>
          </cell>
        </row>
        <row r="53">
          <cell r="C53" t="str">
            <v>〒421-0103</v>
          </cell>
          <cell r="D53" t="str">
            <v>静岡市丸子5-20-8</v>
          </cell>
          <cell r="E53" t="str">
            <v>市川 正訓</v>
          </cell>
        </row>
        <row r="54">
          <cell r="C54" t="str">
            <v>〒417-0061</v>
          </cell>
          <cell r="D54" t="str">
            <v>富士市伝法2483</v>
          </cell>
          <cell r="E54" t="str">
            <v>笠井 勝也</v>
          </cell>
        </row>
        <row r="55">
          <cell r="C55" t="str">
            <v>〒038-0045</v>
          </cell>
          <cell r="D55" t="str">
            <v>青森市大字鶴ヶ坂川合157-5</v>
          </cell>
          <cell r="E55" t="str">
            <v>倉内  清勝</v>
          </cell>
        </row>
        <row r="56">
          <cell r="C56" t="str">
            <v>〒433-8112</v>
          </cell>
          <cell r="D56" t="str">
            <v>浜松市初生町1339-5</v>
          </cell>
          <cell r="E56" t="str">
            <v>鈴木 伸聡</v>
          </cell>
        </row>
        <row r="57">
          <cell r="C57" t="str">
            <v>〒270-2261</v>
          </cell>
          <cell r="D57" t="str">
            <v>千葉県松戸市常盤平4-15 常盤平公団住宅E-59-201</v>
          </cell>
          <cell r="E57" t="str">
            <v>高田 恵太郎</v>
          </cell>
        </row>
        <row r="58">
          <cell r="C58" t="str">
            <v>〒861-4124</v>
          </cell>
          <cell r="D58" t="str">
            <v>熊本県熊本市海路口町3493-4</v>
          </cell>
          <cell r="E58" t="str">
            <v>村上 典久</v>
          </cell>
        </row>
        <row r="59">
          <cell r="C59" t="str">
            <v>〒223-0057</v>
          </cell>
          <cell r="D59" t="str">
            <v>横浜市港北区新羽2448-1ﾚｵﾊﾟﾚｽ米山204 近藤方</v>
          </cell>
          <cell r="E59" t="str">
            <v>長石 裕司</v>
          </cell>
        </row>
        <row r="60">
          <cell r="C60" t="str">
            <v>〒039-3321</v>
          </cell>
          <cell r="D60" t="str">
            <v>青森県東津軽郡平内町大字小湊字愛宕53-13</v>
          </cell>
          <cell r="E60" t="str">
            <v>水口 廣典</v>
          </cell>
        </row>
        <row r="61">
          <cell r="C61" t="str">
            <v>〒435-0052</v>
          </cell>
          <cell r="D61" t="str">
            <v>浜松市天王町115-8</v>
          </cell>
          <cell r="E61" t="str">
            <v>縣 雄司</v>
          </cell>
        </row>
        <row r="62">
          <cell r="C62" t="str">
            <v>〒670-0886</v>
          </cell>
          <cell r="D62" t="str">
            <v>兵庫県姫路市八代緑ヶ丘町8-26</v>
          </cell>
          <cell r="E62" t="str">
            <v>垣渕 信行</v>
          </cell>
        </row>
        <row r="63">
          <cell r="C63" t="str">
            <v>〒433-8123</v>
          </cell>
          <cell r="D63" t="str">
            <v>浜松市幸1-9-34</v>
          </cell>
          <cell r="E63" t="str">
            <v>川津 裕介</v>
          </cell>
        </row>
        <row r="64">
          <cell r="C64" t="str">
            <v>〒422-8057</v>
          </cell>
          <cell r="D64" t="str">
            <v>静岡市見瀬34</v>
          </cell>
          <cell r="E64" t="str">
            <v>木下 太郎</v>
          </cell>
        </row>
        <row r="65">
          <cell r="C65" t="str">
            <v>〒420-0008</v>
          </cell>
          <cell r="D65" t="str">
            <v>静岡市水道町119ｱｰﾊﾞﾝS602</v>
          </cell>
          <cell r="E65" t="str">
            <v>小西 拓野</v>
          </cell>
        </row>
        <row r="66">
          <cell r="C66" t="str">
            <v>〒424-0041</v>
          </cell>
          <cell r="D66" t="str">
            <v>清水市高橋1丁目12-18</v>
          </cell>
          <cell r="E66" t="str">
            <v>坂口 大輔</v>
          </cell>
        </row>
        <row r="67">
          <cell r="C67" t="str">
            <v>〒780-0832</v>
          </cell>
          <cell r="D67" t="str">
            <v>高知市九反田4-10-508</v>
          </cell>
          <cell r="E67" t="str">
            <v>新開 一史</v>
          </cell>
        </row>
        <row r="68">
          <cell r="C68" t="str">
            <v>〒430-0919</v>
          </cell>
          <cell r="D68" t="str">
            <v>浜松市野口町275</v>
          </cell>
          <cell r="E68" t="str">
            <v>高橋 修一</v>
          </cell>
        </row>
        <row r="69">
          <cell r="C69" t="str">
            <v>〒243-0300</v>
          </cell>
          <cell r="D69" t="str">
            <v>神奈川県愛甲郡愛川町中津2287-1 ﾊｲﾑK203</v>
          </cell>
          <cell r="E69" t="str">
            <v>中西 剛一</v>
          </cell>
        </row>
        <row r="70">
          <cell r="C70" t="str">
            <v>〒311-2222</v>
          </cell>
          <cell r="D70" t="str">
            <v>茨城県鹿嶋市大字小山1117-37</v>
          </cell>
          <cell r="E70" t="str">
            <v>中村 裕</v>
          </cell>
        </row>
        <row r="71">
          <cell r="C71" t="str">
            <v>〒080-1200</v>
          </cell>
          <cell r="D71" t="str">
            <v>北海道河東郡士幌町士幌東2-2-3-122</v>
          </cell>
          <cell r="E71" t="str">
            <v>西元 憲二郎</v>
          </cell>
        </row>
        <row r="72">
          <cell r="C72" t="str">
            <v>〒432-8061</v>
          </cell>
          <cell r="D72" t="str">
            <v>浜松市入野町9918-3</v>
          </cell>
          <cell r="E72" t="str">
            <v>袴田 直純</v>
          </cell>
        </row>
        <row r="73">
          <cell r="C73" t="str">
            <v>〒424-0866</v>
          </cell>
          <cell r="D73" t="str">
            <v>清水市船越南町292-1</v>
          </cell>
          <cell r="E73" t="str">
            <v>細川 茂光</v>
          </cell>
        </row>
        <row r="74">
          <cell r="C74" t="str">
            <v>〒430-0835</v>
          </cell>
          <cell r="D74" t="str">
            <v>浜松市遠州浜2-2-103</v>
          </cell>
          <cell r="E74" t="str">
            <v>池田  功</v>
          </cell>
        </row>
        <row r="75">
          <cell r="C75" t="str">
            <v>〒431-3314</v>
          </cell>
          <cell r="D75" t="str">
            <v>天竜市二俣町二俣2223</v>
          </cell>
          <cell r="E75" t="str">
            <v>松本 弘</v>
          </cell>
        </row>
        <row r="76">
          <cell r="C76" t="str">
            <v>〒410-0303</v>
          </cell>
          <cell r="D76" t="str">
            <v>静岡県沼津市西椎路775-2</v>
          </cell>
          <cell r="E76" t="str">
            <v>伊藤 誠治</v>
          </cell>
        </row>
        <row r="77">
          <cell r="E77" t="str">
            <v>知念  実</v>
          </cell>
        </row>
        <row r="78">
          <cell r="C78" t="str">
            <v>〒432-8012</v>
          </cell>
          <cell r="D78" t="str">
            <v>浜松市布橋2-11-19</v>
          </cell>
          <cell r="E78" t="str">
            <v>島津 勝巳</v>
          </cell>
        </row>
        <row r="79">
          <cell r="C79" t="str">
            <v>〒431-1304</v>
          </cell>
          <cell r="D79" t="str">
            <v>引佐郡細江町中川6445-17</v>
          </cell>
          <cell r="E79" t="str">
            <v>百瀬 和彦</v>
          </cell>
        </row>
        <row r="80">
          <cell r="C80" t="str">
            <v>〒435-0043</v>
          </cell>
          <cell r="D80" t="str">
            <v>浜松市宮竹町646</v>
          </cell>
          <cell r="E80" t="str">
            <v>杉山 孝幸</v>
          </cell>
        </row>
        <row r="81">
          <cell r="C81" t="str">
            <v>〒430-0853</v>
          </cell>
          <cell r="D81" t="str">
            <v>浜松市三島町1659藤田ﾊｲﾂA101</v>
          </cell>
          <cell r="E81" t="str">
            <v>瀧下 昌明</v>
          </cell>
        </row>
        <row r="82">
          <cell r="C82" t="str">
            <v>〒432-8066</v>
          </cell>
          <cell r="D82" t="str">
            <v>浜松市志都呂町90-1</v>
          </cell>
          <cell r="E82" t="str">
            <v>點東 良寛</v>
          </cell>
        </row>
        <row r="83">
          <cell r="C83" t="str">
            <v>〒904-0101</v>
          </cell>
          <cell r="D83" t="str">
            <v>沖縄県中頭郡北谷町字上勢頭702-8 上間ｱﾊﾟｰﾄ106</v>
          </cell>
          <cell r="E83" t="str">
            <v>中村 幸文</v>
          </cell>
        </row>
        <row r="84">
          <cell r="C84" t="str">
            <v>〒130-0004</v>
          </cell>
          <cell r="D84" t="str">
            <v>東京都墨田区本所3-23-12 ｶﾄｳﾋﾞﾙ202</v>
          </cell>
          <cell r="E84" t="str">
            <v>古舘 恒史</v>
          </cell>
        </row>
        <row r="85">
          <cell r="C85" t="str">
            <v>〒437-0012</v>
          </cell>
          <cell r="D85" t="str">
            <v>袋井市国本1909</v>
          </cell>
          <cell r="E85" t="str">
            <v>久野 芳則</v>
          </cell>
        </row>
        <row r="86">
          <cell r="C86" t="str">
            <v>〒130-0000</v>
          </cell>
          <cell r="D86" t="str">
            <v>東京都練馬区光が丘2-10-1-909</v>
          </cell>
          <cell r="E86" t="str">
            <v>菰田 吉晴</v>
          </cell>
        </row>
        <row r="87">
          <cell r="C87" t="str">
            <v>〒355-0016</v>
          </cell>
          <cell r="D87" t="str">
            <v>埼玉県東松山市材木町15-11 ｷｬﾛｯﾄﾊｳｽ102</v>
          </cell>
          <cell r="E87" t="str">
            <v>佐藤 重美</v>
          </cell>
        </row>
        <row r="88">
          <cell r="C88" t="str">
            <v>〒426-0063</v>
          </cell>
          <cell r="D88" t="str">
            <v>藤枝市青南町4-14-29</v>
          </cell>
          <cell r="E88" t="str">
            <v>曽根  和希</v>
          </cell>
        </row>
        <row r="89">
          <cell r="C89" t="str">
            <v>〒253-0071</v>
          </cell>
          <cell r="D89" t="str">
            <v>神奈川県茅ヶ崎市萩園3190-5</v>
          </cell>
          <cell r="E89" t="str">
            <v>多田 和宏</v>
          </cell>
        </row>
        <row r="90">
          <cell r="C90" t="str">
            <v>〒737-0012</v>
          </cell>
          <cell r="D90" t="str">
            <v>広島県呉市警固屋4-13-12</v>
          </cell>
          <cell r="E90" t="str">
            <v>松原  陽</v>
          </cell>
        </row>
        <row r="91">
          <cell r="C91" t="str">
            <v>〒507-0018</v>
          </cell>
          <cell r="D91" t="str">
            <v>岐阜県多治見市高田町8-32</v>
          </cell>
          <cell r="E91" t="str">
            <v>加藤 丈博</v>
          </cell>
        </row>
        <row r="92">
          <cell r="C92" t="str">
            <v>〒316-0032</v>
          </cell>
          <cell r="D92" t="str">
            <v>茨城県日立市西成沢町4-10-6</v>
          </cell>
          <cell r="E92" t="str">
            <v>鈴木  隆</v>
          </cell>
        </row>
        <row r="93">
          <cell r="C93" t="str">
            <v>〒509-7041</v>
          </cell>
          <cell r="D93" t="str">
            <v>岐阜県恵那郡岩村町飯羽間2721-1</v>
          </cell>
          <cell r="E93" t="str">
            <v>安藤 俊治</v>
          </cell>
        </row>
        <row r="94">
          <cell r="C94" t="str">
            <v>〒341-0004</v>
          </cell>
          <cell r="D94" t="str">
            <v>埼玉県三郷市上彦名282</v>
          </cell>
          <cell r="E94" t="str">
            <v>宇田川 敏彦</v>
          </cell>
        </row>
        <row r="95">
          <cell r="C95" t="str">
            <v>〒427-0047</v>
          </cell>
          <cell r="D95" t="str">
            <v>島田市中溝町2581-3</v>
          </cell>
          <cell r="E95" t="str">
            <v>木村 勝幸</v>
          </cell>
        </row>
        <row r="96">
          <cell r="C96" t="str">
            <v>〒420-0871</v>
          </cell>
          <cell r="D96" t="str">
            <v>静岡市昭府1-15-17</v>
          </cell>
          <cell r="E96" t="str">
            <v>後藤 武志</v>
          </cell>
        </row>
        <row r="97">
          <cell r="C97" t="str">
            <v>〒420-0911</v>
          </cell>
          <cell r="D97" t="str">
            <v>静岡市瀬名7丁目31-51</v>
          </cell>
          <cell r="E97" t="str">
            <v>増田 晃次</v>
          </cell>
        </row>
        <row r="98">
          <cell r="C98" t="str">
            <v>〒062-0934</v>
          </cell>
          <cell r="D98" t="str">
            <v>札幌市豊平区平岸4条8-4-19 ﾏﾝｼｮﾝ登喜和2F-7</v>
          </cell>
          <cell r="E98" t="str">
            <v>高谷 匡</v>
          </cell>
        </row>
        <row r="99">
          <cell r="C99" t="str">
            <v>〒411-0943</v>
          </cell>
          <cell r="D99" t="str">
            <v>静岡県駿東郡長泉町下土狩492-10 不二見ｺｰﾎﾟ1-102</v>
          </cell>
          <cell r="E99" t="str">
            <v>加藤  信忠</v>
          </cell>
        </row>
        <row r="100">
          <cell r="C100" t="str">
            <v>〒431-3123</v>
          </cell>
          <cell r="D100" t="str">
            <v>浜松市有玉西町2412-3 ﾊｲﾂ豊隆4-B</v>
          </cell>
          <cell r="E100" t="str">
            <v>神谷 直志</v>
          </cell>
        </row>
        <row r="101">
          <cell r="C101" t="str">
            <v>〒433-8125</v>
          </cell>
          <cell r="D101" t="str">
            <v>浜松市和合町220-132</v>
          </cell>
          <cell r="E101" t="str">
            <v>坂野 良太</v>
          </cell>
        </row>
        <row r="102">
          <cell r="C102" t="str">
            <v>〒316-0023</v>
          </cell>
          <cell r="D102" t="str">
            <v>茨城県日立市東大沼町2-36-9</v>
          </cell>
          <cell r="E102" t="str">
            <v>鰻池 朝雄</v>
          </cell>
        </row>
        <row r="103">
          <cell r="C103" t="str">
            <v>〒433-8123</v>
          </cell>
          <cell r="D103" t="str">
            <v>浜松市幸2丁目32-502</v>
          </cell>
          <cell r="E103" t="str">
            <v>牛山　和由</v>
          </cell>
        </row>
        <row r="104">
          <cell r="C104" t="str">
            <v>〒430-0906</v>
          </cell>
          <cell r="D104" t="str">
            <v>浜松市住吉２丁目7 ｶﾄﾚｱﾏﾝｼｮﾝ314</v>
          </cell>
          <cell r="E104" t="str">
            <v>榛葉 武</v>
          </cell>
        </row>
        <row r="105">
          <cell r="C105" t="str">
            <v>〒193-0831</v>
          </cell>
          <cell r="D105" t="str">
            <v>東京都八王子市並木町39-10</v>
          </cell>
          <cell r="E105" t="str">
            <v>西納　英樹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ｼｰﾙ打出"/>
      <sheetName val="案内送付リスト"/>
      <sheetName val="参加申込みリスト"/>
      <sheetName val="グラフ"/>
    </sheetNames>
    <sheetDataSet>
      <sheetData sheetId="0">
        <row r="1">
          <cell r="A1">
            <v>1</v>
          </cell>
        </row>
      </sheetData>
      <sheetData sheetId="1">
        <row r="2">
          <cell r="A2">
            <v>1</v>
          </cell>
          <cell r="B2" t="str">
            <v>㈱ケイ・エフ・サービス</v>
          </cell>
          <cell r="C2" t="str">
            <v>㈱ケイ・エフ・サービス</v>
          </cell>
          <cell r="D2" t="str">
            <v>東富士第1事業所</v>
          </cell>
          <cell r="E2" t="str">
            <v>410-1107</v>
          </cell>
          <cell r="F2" t="str">
            <v>矢後　良隆</v>
          </cell>
          <cell r="G2" t="str">
            <v>410-1107</v>
          </cell>
          <cell r="H2" t="str">
            <v>裾野市御宿1501</v>
          </cell>
          <cell r="I2" t="str">
            <v>055-997-5757</v>
          </cell>
          <cell r="J2" t="str">
            <v>055-997-5750</v>
          </cell>
        </row>
        <row r="3">
          <cell r="A3">
            <v>2</v>
          </cell>
          <cell r="B3" t="str">
            <v>㈱フルキャストセントラル</v>
          </cell>
          <cell r="C3" t="str">
            <v>㈱フルキャストセントラル</v>
          </cell>
          <cell r="D3" t="str">
            <v>三島営業所</v>
          </cell>
          <cell r="E3" t="str">
            <v>410-1107</v>
          </cell>
          <cell r="F3" t="str">
            <v>米山　実</v>
          </cell>
          <cell r="G3" t="str">
            <v>410-1107</v>
          </cell>
          <cell r="H3" t="str">
            <v>裾野市御宿字小嵐1700-4    ソシオ裾野１F</v>
          </cell>
          <cell r="I3" t="str">
            <v>055-965-3770</v>
          </cell>
          <cell r="J3" t="str">
            <v>055-965-3777</v>
          </cell>
        </row>
        <row r="4">
          <cell r="A4">
            <v>3</v>
          </cell>
          <cell r="B4" t="str">
            <v>コマテクノ</v>
          </cell>
          <cell r="C4" t="str">
            <v>コマテクノ</v>
          </cell>
          <cell r="D4" t="str">
            <v>412-0043</v>
          </cell>
          <cell r="E4" t="str">
            <v>御殿場市新橋１９３６－１６</v>
          </cell>
          <cell r="F4" t="str">
            <v>中坪　敏爾</v>
          </cell>
          <cell r="G4" t="str">
            <v>412-0043</v>
          </cell>
          <cell r="H4" t="str">
            <v>御殿場市新橋１９３６－１６</v>
          </cell>
        </row>
        <row r="5">
          <cell r="A5">
            <v>4</v>
          </cell>
          <cell r="B5" t="str">
            <v>トヨタ紡織㈱　御殿場工場</v>
          </cell>
          <cell r="C5" t="str">
            <v>トヨタ紡織㈱　御殿場工場</v>
          </cell>
          <cell r="D5" t="str">
            <v>御殿場工務室</v>
          </cell>
          <cell r="E5" t="str">
            <v>室長</v>
          </cell>
          <cell r="F5" t="str">
            <v>芦田　修</v>
          </cell>
          <cell r="G5" t="str">
            <v>412-0008</v>
          </cell>
          <cell r="H5" t="str">
            <v>御殿場市印野1582-1</v>
          </cell>
          <cell r="I5" t="str">
            <v>0550-88-4601</v>
          </cell>
          <cell r="J5" t="str">
            <v>88-4603</v>
          </cell>
        </row>
        <row r="6">
          <cell r="A6">
            <v>5</v>
          </cell>
          <cell r="B6" t="str">
            <v>㈱ホテルニューアカオ</v>
          </cell>
          <cell r="C6" t="str">
            <v>㈱ホテルニューアカオ</v>
          </cell>
          <cell r="D6" t="str">
            <v>三橋　浩</v>
          </cell>
          <cell r="E6" t="str">
            <v>取締役人事部長</v>
          </cell>
          <cell r="F6" t="str">
            <v>三橋　浩</v>
          </cell>
          <cell r="G6" t="str">
            <v>413-0033</v>
          </cell>
          <cell r="H6" t="str">
            <v>熱海市熱海１９９３－２５０</v>
          </cell>
          <cell r="I6" t="str">
            <v>0557-82-5164</v>
          </cell>
          <cell r="J6" t="str">
            <v>82-8755</v>
          </cell>
        </row>
        <row r="7">
          <cell r="A7">
            <v>6</v>
          </cell>
          <cell r="B7" t="str">
            <v>㈱ワイズ</v>
          </cell>
          <cell r="C7" t="str">
            <v>㈱ワイズ</v>
          </cell>
          <cell r="D7" t="str">
            <v>品質管理室　</v>
          </cell>
          <cell r="E7" t="str">
            <v>410-1104</v>
          </cell>
          <cell r="F7" t="str">
            <v>杉山　佳之</v>
          </cell>
          <cell r="G7" t="str">
            <v>410-1104</v>
          </cell>
          <cell r="H7" t="str">
            <v>裾野市今里561-1</v>
          </cell>
          <cell r="I7" t="str">
            <v>055-997-5992</v>
          </cell>
          <cell r="J7" t="str">
            <v>055-997-5988</v>
          </cell>
        </row>
        <row r="8">
          <cell r="A8">
            <v>7</v>
          </cell>
          <cell r="B8" t="str">
            <v>関東興産㈱　東富士事業所</v>
          </cell>
          <cell r="C8" t="str">
            <v>関東興産㈱　東富士事業所</v>
          </cell>
          <cell r="D8" t="str">
            <v>管理室</v>
          </cell>
          <cell r="E8" t="str">
            <v>410-1107</v>
          </cell>
          <cell r="F8" t="str">
            <v>田宮　徹</v>
          </cell>
          <cell r="G8" t="str">
            <v>410-1107</v>
          </cell>
          <cell r="H8" t="str">
            <v>裾野市御宿1200</v>
          </cell>
          <cell r="I8" t="str">
            <v>055-997-4101</v>
          </cell>
          <cell r="J8" t="str">
            <v>055-997-0278</v>
          </cell>
        </row>
        <row r="9">
          <cell r="A9">
            <v>8</v>
          </cell>
          <cell r="B9" t="str">
            <v>関東自動車工業㈱ 東富士工場</v>
          </cell>
          <cell r="C9" t="str">
            <v>関東自動車工業㈱ 東富士工場</v>
          </cell>
          <cell r="D9" t="str">
            <v>管理部　工場管理室</v>
          </cell>
          <cell r="E9" t="str">
            <v>410-1195</v>
          </cell>
          <cell r="F9" t="str">
            <v>斉藤　俊幸</v>
          </cell>
          <cell r="G9" t="str">
            <v>410-1195</v>
          </cell>
          <cell r="H9" t="str">
            <v>裾野市御宿１２００</v>
          </cell>
          <cell r="I9" t="str">
            <v>055-997-6513</v>
          </cell>
          <cell r="J9" t="str">
            <v>997-6587</v>
          </cell>
        </row>
        <row r="10">
          <cell r="A10">
            <v>9</v>
          </cell>
          <cell r="B10" t="str">
            <v>関東商事株式会社</v>
          </cell>
          <cell r="C10" t="str">
            <v>関東商事株式会社</v>
          </cell>
          <cell r="D10" t="str">
            <v>総務室</v>
          </cell>
          <cell r="E10" t="str">
            <v>410-1107</v>
          </cell>
          <cell r="F10" t="str">
            <v>田中 里美</v>
          </cell>
          <cell r="G10" t="str">
            <v>410-1107</v>
          </cell>
          <cell r="H10" t="str">
            <v>裾野市御宿1400</v>
          </cell>
          <cell r="I10" t="str">
            <v>055-997-6200</v>
          </cell>
          <cell r="J10" t="str">
            <v>055-997-6203</v>
          </cell>
        </row>
        <row r="11">
          <cell r="A11">
            <v>10</v>
          </cell>
          <cell r="B11" t="str">
            <v>協和発酵工業㈱　富士工場</v>
          </cell>
          <cell r="C11" t="str">
            <v>協和発酵工業㈱　富士工場</v>
          </cell>
          <cell r="D11" t="str">
            <v>ＣＳ推進事務局</v>
          </cell>
          <cell r="E11" t="str">
            <v>411-8731</v>
          </cell>
          <cell r="F11" t="str">
            <v>福島　邦男</v>
          </cell>
          <cell r="G11" t="str">
            <v>411-8731</v>
          </cell>
          <cell r="H11" t="str">
            <v>駿東郡長泉町下土狩１１８８</v>
          </cell>
          <cell r="I11" t="str">
            <v>055-989-2040</v>
          </cell>
          <cell r="J11" t="str">
            <v>989-2083</v>
          </cell>
        </row>
        <row r="12">
          <cell r="A12">
            <v>11</v>
          </cell>
          <cell r="B12" t="str">
            <v>三島製機（株）</v>
          </cell>
          <cell r="C12" t="str">
            <v>三島製機（株）</v>
          </cell>
          <cell r="D12" t="str">
            <v>精算技術科</v>
          </cell>
          <cell r="E12" t="str">
            <v>411-0917</v>
          </cell>
          <cell r="F12" t="str">
            <v>鈴木　裕</v>
          </cell>
          <cell r="G12" t="str">
            <v>411-0917</v>
          </cell>
          <cell r="H12" t="str">
            <v>静岡県駿東郡清水町徳倉580-49</v>
          </cell>
          <cell r="I12" t="str">
            <v>055-931-1249</v>
          </cell>
          <cell r="J12" t="str">
            <v>055-931-2496</v>
          </cell>
        </row>
        <row r="13">
          <cell r="A13">
            <v>12</v>
          </cell>
          <cell r="B13" t="str">
            <v>裾野市役所</v>
          </cell>
          <cell r="C13" t="str">
            <v>裾野市役所</v>
          </cell>
          <cell r="D13" t="str">
            <v>人事課</v>
          </cell>
          <cell r="E13" t="str">
            <v>410-1107</v>
          </cell>
          <cell r="F13" t="str">
            <v>横山　清美</v>
          </cell>
          <cell r="G13" t="str">
            <v>410-1107</v>
          </cell>
          <cell r="H13" t="str">
            <v>裾野市佐野１０５９</v>
          </cell>
          <cell r="I13" t="str">
            <v>055-992-1111</v>
          </cell>
          <cell r="J13">
            <v>0</v>
          </cell>
        </row>
        <row r="14">
          <cell r="A14">
            <v>13</v>
          </cell>
          <cell r="B14" t="str">
            <v>裾野商工会</v>
          </cell>
          <cell r="C14" t="str">
            <v>裾野商工会</v>
          </cell>
          <cell r="D14" t="str">
            <v>410-1102</v>
          </cell>
          <cell r="E14" t="str">
            <v>裾野市深良４５１</v>
          </cell>
          <cell r="F14" t="str">
            <v>後藤　克敏</v>
          </cell>
          <cell r="G14" t="str">
            <v>410-1102</v>
          </cell>
          <cell r="H14" t="str">
            <v>裾野市深良４５１</v>
          </cell>
          <cell r="I14" t="str">
            <v>055-992-0057</v>
          </cell>
          <cell r="J14" t="str">
            <v>055-993-8833</v>
          </cell>
        </row>
        <row r="15">
          <cell r="A15">
            <v>14</v>
          </cell>
          <cell r="B15" t="str">
            <v>大和印刷㈱</v>
          </cell>
          <cell r="C15" t="str">
            <v>大和印刷㈱</v>
          </cell>
          <cell r="D15" t="str">
            <v>営業部</v>
          </cell>
          <cell r="E15" t="str">
            <v>部長</v>
          </cell>
          <cell r="F15" t="str">
            <v>加藤　忠義</v>
          </cell>
          <cell r="G15" t="str">
            <v>410-1102</v>
          </cell>
          <cell r="H15" t="str">
            <v>裾野市深良３６４２－１２</v>
          </cell>
          <cell r="I15" t="str">
            <v>055-965-4100</v>
          </cell>
          <cell r="J15" t="str">
            <v>965-4300</v>
          </cell>
        </row>
        <row r="16">
          <cell r="A16">
            <v>15</v>
          </cell>
          <cell r="B16" t="str">
            <v>矢崎総業㈱　</v>
          </cell>
          <cell r="C16" t="str">
            <v>矢崎総業㈱　</v>
          </cell>
          <cell r="D16" t="str">
            <v>品質管理室　管理部</v>
          </cell>
          <cell r="E16" t="str">
            <v>410-1194</v>
          </cell>
          <cell r="F16" t="str">
            <v>門真　哲三</v>
          </cell>
          <cell r="G16" t="str">
            <v>410-1194</v>
          </cell>
          <cell r="H16" t="str">
            <v>裾野市御宿１５００</v>
          </cell>
          <cell r="I16" t="str">
            <v>055-965-0300</v>
          </cell>
          <cell r="J16" t="str">
            <v>965-0400</v>
          </cell>
        </row>
        <row r="17">
          <cell r="A17">
            <v>16</v>
          </cell>
          <cell r="B17" t="str">
            <v>立花金属工業㈱　御殿場工場</v>
          </cell>
          <cell r="C17" t="str">
            <v>立花金属工業㈱　御殿場工場</v>
          </cell>
          <cell r="D17" t="str">
            <v>生産管理課</v>
          </cell>
          <cell r="E17" t="str">
            <v>412-8630</v>
          </cell>
          <cell r="F17" t="str">
            <v>新保　均</v>
          </cell>
          <cell r="G17" t="str">
            <v>412-8630</v>
          </cell>
          <cell r="H17" t="str">
            <v>御殿場市上小林95番地</v>
          </cell>
          <cell r="I17" t="str">
            <v>055-89-0577</v>
          </cell>
        </row>
        <row r="18">
          <cell r="A18">
            <v>17</v>
          </cell>
          <cell r="B18" t="str">
            <v>シーズイシハラ㈱</v>
          </cell>
          <cell r="C18" t="str">
            <v>シーズイシハラ㈱</v>
          </cell>
          <cell r="D18" t="str">
            <v>プロダクツセンター事業部</v>
          </cell>
          <cell r="E18" t="str">
            <v>417-0845</v>
          </cell>
          <cell r="F18" t="str">
            <v>迫尾　秀紀</v>
          </cell>
          <cell r="G18" t="str">
            <v>417-0845</v>
          </cell>
          <cell r="H18" t="str">
            <v>富士市大野１７０－１</v>
          </cell>
          <cell r="I18" t="str">
            <v>0545-32-2380</v>
          </cell>
          <cell r="J18" t="str">
            <v>33-2271</v>
          </cell>
        </row>
        <row r="19">
          <cell r="A19">
            <v>18</v>
          </cell>
          <cell r="B19" t="str">
            <v>ジヤトコエンジニアング㈱本社工場</v>
          </cell>
          <cell r="C19" t="str">
            <v>ジヤトコエンジニアング㈱本社工場</v>
          </cell>
          <cell r="D19" t="str">
            <v>経営管理部</v>
          </cell>
          <cell r="E19" t="str">
            <v>417-0002</v>
          </cell>
          <cell r="F19" t="str">
            <v>堀井　信明</v>
          </cell>
          <cell r="G19" t="str">
            <v>417-0002</v>
          </cell>
          <cell r="H19" t="str">
            <v>富士市依田橋字田中１２５－１</v>
          </cell>
          <cell r="I19" t="str">
            <v>0545-51-5777</v>
          </cell>
          <cell r="J19" t="str">
            <v>51-5494</v>
          </cell>
        </row>
        <row r="20">
          <cell r="A20">
            <v>19</v>
          </cell>
          <cell r="B20" t="str">
            <v>ジヤトコツール（株）本社工場</v>
          </cell>
          <cell r="C20" t="str">
            <v>ジヤトコツール（株）本社工場</v>
          </cell>
          <cell r="D20" t="str">
            <v>企画管理部</v>
          </cell>
          <cell r="E20" t="str">
            <v>部長</v>
          </cell>
          <cell r="F20" t="str">
            <v>川尻　誠一</v>
          </cell>
          <cell r="G20" t="str">
            <v>417-0023</v>
          </cell>
          <cell r="H20" t="str">
            <v>富士市吉原宝町１－１</v>
          </cell>
        </row>
        <row r="21">
          <cell r="A21">
            <v>20</v>
          </cell>
          <cell r="B21" t="str">
            <v>ジヤトコプラントテック㈱本社工場</v>
          </cell>
          <cell r="C21" t="str">
            <v>ジヤトコプラントテック㈱本社工場</v>
          </cell>
          <cell r="D21" t="str">
            <v>管理グループ</v>
          </cell>
          <cell r="E21" t="str">
            <v/>
          </cell>
          <cell r="F21" t="str">
            <v>渡辺　敏廣</v>
          </cell>
          <cell r="G21" t="str">
            <v>417-0023</v>
          </cell>
          <cell r="H21" t="str">
            <v>富士宮市吉原宝町１－１</v>
          </cell>
        </row>
        <row r="22">
          <cell r="A22">
            <v>21</v>
          </cell>
          <cell r="B22" t="str">
            <v>ジヤトコ㈱</v>
          </cell>
          <cell r="C22" t="str">
            <v>ジヤトコ㈱</v>
          </cell>
          <cell r="D22" t="str">
            <v>品質管理部　</v>
          </cell>
          <cell r="E22" t="str">
            <v>417-8585</v>
          </cell>
          <cell r="F22" t="str">
            <v>斉藤　博</v>
          </cell>
          <cell r="G22" t="str">
            <v>417-8585</v>
          </cell>
          <cell r="H22" t="str">
            <v>富士市今泉７００番地の１</v>
          </cell>
          <cell r="I22" t="str">
            <v>0545-51-4574</v>
          </cell>
          <cell r="J22" t="str">
            <v>51-3274</v>
          </cell>
        </row>
        <row r="23">
          <cell r="A23">
            <v>22</v>
          </cell>
          <cell r="B23" t="str">
            <v>トシダ工業㈱</v>
          </cell>
          <cell r="C23" t="str">
            <v>トシダ工業㈱</v>
          </cell>
          <cell r="D23" t="str">
            <v>品質管理課</v>
          </cell>
          <cell r="E23" t="str">
            <v>418-0001</v>
          </cell>
          <cell r="F23" t="str">
            <v>高橋　和之</v>
          </cell>
          <cell r="G23" t="str">
            <v>418-0001</v>
          </cell>
          <cell r="H23" t="str">
            <v>富士宮市万野原新田3647-3</v>
          </cell>
          <cell r="I23" t="str">
            <v>0544-28-3080</v>
          </cell>
          <cell r="J23" t="str">
            <v>28-3080</v>
          </cell>
        </row>
        <row r="24">
          <cell r="A24">
            <v>23</v>
          </cell>
          <cell r="B24" t="str">
            <v>トシダ工業㈱　芝川工場</v>
          </cell>
          <cell r="C24" t="str">
            <v>トシダ工業㈱　芝川工場</v>
          </cell>
          <cell r="D24" t="str">
            <v>品質管理課</v>
          </cell>
          <cell r="E24" t="str">
            <v>419-0301</v>
          </cell>
          <cell r="F24" t="str">
            <v>大隈　美樹</v>
          </cell>
          <cell r="G24" t="str">
            <v>419-0301</v>
          </cell>
          <cell r="H24" t="str">
            <v>富士郡芝川町上袖野２８８－２</v>
          </cell>
          <cell r="I24" t="str">
            <v>0544-67-0515</v>
          </cell>
          <cell r="J24" t="str">
            <v>67-0717</v>
          </cell>
        </row>
        <row r="25">
          <cell r="A25">
            <v>24</v>
          </cell>
          <cell r="B25" t="str">
            <v>ビヨンズ㈱</v>
          </cell>
          <cell r="C25" t="str">
            <v>ビヨンズ㈱</v>
          </cell>
          <cell r="D25" t="str">
            <v>品質保証部　品質管理課</v>
          </cell>
          <cell r="E25" t="str">
            <v>課　　長</v>
          </cell>
          <cell r="F25" t="str">
            <v>渡辺　敏仁</v>
          </cell>
          <cell r="G25" t="str">
            <v>417-8575</v>
          </cell>
          <cell r="H25" t="str">
            <v>富士市大渕４２９－３</v>
          </cell>
          <cell r="I25" t="str">
            <v>0545-36-0070</v>
          </cell>
          <cell r="J25" t="str">
            <v>35-3799</v>
          </cell>
        </row>
        <row r="26">
          <cell r="A26">
            <v>25</v>
          </cell>
          <cell r="B26" t="str">
            <v>ユニプレス㈱ 富士事業所</v>
          </cell>
          <cell r="C26" t="str">
            <v>ユニプレス㈱ 富士事業所</v>
          </cell>
          <cell r="D26" t="str">
            <v>工機工場　金型製作課</v>
          </cell>
          <cell r="E26" t="str">
            <v>課　　長</v>
          </cell>
          <cell r="F26" t="str">
            <v>白井　弘之</v>
          </cell>
          <cell r="G26" t="str">
            <v>416-8510</v>
          </cell>
          <cell r="H26" t="str">
            <v>富士市青葉町１９－１</v>
          </cell>
          <cell r="I26" t="str">
            <v>0545-62-5151</v>
          </cell>
          <cell r="J26" t="str">
            <v>62-5126</v>
          </cell>
        </row>
        <row r="27">
          <cell r="A27">
            <v>26</v>
          </cell>
          <cell r="B27" t="str">
            <v>旭化成ケミカルズ（株）</v>
          </cell>
          <cell r="C27" t="str">
            <v>旭化成ケミカルズ（株）</v>
          </cell>
          <cell r="D27" t="str">
            <v>感光材工場　管理室</v>
          </cell>
          <cell r="E27" t="str">
            <v>416-0934</v>
          </cell>
          <cell r="F27" t="str">
            <v>山本　敏次</v>
          </cell>
          <cell r="G27" t="str">
            <v>416-0934</v>
          </cell>
          <cell r="H27" t="str">
            <v>富士市鮫島２－１</v>
          </cell>
        </row>
        <row r="28">
          <cell r="A28">
            <v>27</v>
          </cell>
          <cell r="B28" t="str">
            <v>高木産業㈱</v>
          </cell>
          <cell r="C28" t="str">
            <v>高木産業㈱</v>
          </cell>
          <cell r="D28" t="str">
            <v>品質保証部 品質保証三課</v>
          </cell>
          <cell r="E28" t="str">
            <v>課長代理</v>
          </cell>
          <cell r="F28" t="str">
            <v>杉澤　明彦</v>
          </cell>
          <cell r="G28" t="str">
            <v>417-8505</v>
          </cell>
          <cell r="H28" t="str">
            <v>富士市西柏原新田２０１</v>
          </cell>
          <cell r="I28" t="str">
            <v>0545-33-3929</v>
          </cell>
          <cell r="J28" t="str">
            <v>32-0063</v>
          </cell>
        </row>
        <row r="29">
          <cell r="A29">
            <v>28</v>
          </cell>
          <cell r="B29" t="str">
            <v>高木産業㈱富士宮工場</v>
          </cell>
          <cell r="C29" t="str">
            <v>高木産業㈱富士宮工場</v>
          </cell>
          <cell r="D29" t="str">
            <v>電器部設計課</v>
          </cell>
          <cell r="E29" t="str">
            <v>418-0103</v>
          </cell>
          <cell r="F29" t="str">
            <v>望月　　徹</v>
          </cell>
          <cell r="G29" t="str">
            <v>418-0103</v>
          </cell>
          <cell r="H29" t="str">
            <v>富士宮市上井出見返３５０８</v>
          </cell>
          <cell r="I29" t="str">
            <v>0544‐54‐2622</v>
          </cell>
        </row>
        <row r="30">
          <cell r="A30">
            <v>29</v>
          </cell>
          <cell r="B30" t="str">
            <v>三島化工㈱</v>
          </cell>
          <cell r="C30" t="str">
            <v>三島化工㈱</v>
          </cell>
          <cell r="D30" t="str">
            <v>生産部</v>
          </cell>
          <cell r="E30" t="str">
            <v>417-0811</v>
          </cell>
          <cell r="F30" t="str">
            <v>柘植　徹</v>
          </cell>
          <cell r="G30" t="str">
            <v>417-0811</v>
          </cell>
          <cell r="H30" t="str">
            <v>富士市江尾９０－２</v>
          </cell>
          <cell r="I30" t="str">
            <v>0545-38-1180</v>
          </cell>
          <cell r="J30" t="str">
            <v>0545-38-2024</v>
          </cell>
        </row>
        <row r="31">
          <cell r="A31">
            <v>30</v>
          </cell>
          <cell r="B31" t="str">
            <v>三島製紙㈱　原田工場</v>
          </cell>
          <cell r="C31" t="str">
            <v>三島製紙㈱　原田工場</v>
          </cell>
          <cell r="D31" t="str">
            <v>技術・環境部</v>
          </cell>
          <cell r="E31" t="str">
            <v>417-0852</v>
          </cell>
          <cell r="F31" t="str">
            <v>山本　将登</v>
          </cell>
          <cell r="G31" t="str">
            <v>417-0852</v>
          </cell>
          <cell r="H31" t="str">
            <v>富士市原田５０6</v>
          </cell>
          <cell r="I31" t="str">
            <v>0545-52-4060</v>
          </cell>
          <cell r="J31" t="str">
            <v>53-2168</v>
          </cell>
        </row>
        <row r="32">
          <cell r="A32">
            <v>31</v>
          </cell>
          <cell r="B32" t="str">
            <v>東和化成工業（株）富士工場</v>
          </cell>
          <cell r="C32" t="str">
            <v>東和化成工業（株）富士工場</v>
          </cell>
          <cell r="D32" t="str">
            <v>総務人事グループ</v>
          </cell>
          <cell r="E32" t="str">
            <v/>
          </cell>
          <cell r="F32" t="str">
            <v>小漉　哲郎</v>
          </cell>
          <cell r="G32" t="str">
            <v>417-0036</v>
          </cell>
          <cell r="H32" t="str">
            <v>富士市中河原９３</v>
          </cell>
        </row>
        <row r="33">
          <cell r="A33">
            <v>32</v>
          </cell>
          <cell r="B33" t="str">
            <v>日産自動車㈱</v>
          </cell>
          <cell r="C33" t="str">
            <v>日産自動車㈱</v>
          </cell>
          <cell r="D33" t="str">
            <v>生産事業本部生産人事部</v>
          </cell>
          <cell r="E33" t="str">
            <v>220-0011</v>
          </cell>
          <cell r="F33" t="str">
            <v>下田　敏文</v>
          </cell>
          <cell r="G33" t="str">
            <v>220-0011</v>
          </cell>
          <cell r="H33" t="str">
            <v>横浜市西区高島21-6-32</v>
          </cell>
          <cell r="I33" t="str">
            <v>045-441-3826</v>
          </cell>
        </row>
        <row r="34">
          <cell r="A34">
            <v>33</v>
          </cell>
          <cell r="B34" t="str">
            <v>日総工産㈱富士営業所</v>
          </cell>
          <cell r="C34" t="str">
            <v>日総工産㈱富士営業所</v>
          </cell>
          <cell r="D34" t="str">
            <v>所長</v>
          </cell>
          <cell r="E34" t="str">
            <v>所長</v>
          </cell>
          <cell r="F34" t="str">
            <v>内田　勝秀</v>
          </cell>
          <cell r="G34" t="str">
            <v>417-0061</v>
          </cell>
          <cell r="H34" t="str">
            <v>富士市伝法2529‐5</v>
          </cell>
          <cell r="I34" t="str">
            <v>0545‐54‐0360</v>
          </cell>
          <cell r="J34" t="str">
            <v>53‐7228</v>
          </cell>
        </row>
        <row r="35">
          <cell r="A35">
            <v>34</v>
          </cell>
          <cell r="B35" t="str">
            <v>富士化工㈱</v>
          </cell>
          <cell r="C35" t="str">
            <v>富士化工㈱</v>
          </cell>
          <cell r="D35" t="str">
            <v>製造1課</v>
          </cell>
          <cell r="E35" t="str">
            <v>416-8655</v>
          </cell>
          <cell r="F35" t="str">
            <v>菊地　孝会</v>
          </cell>
          <cell r="G35" t="str">
            <v>416-8655</v>
          </cell>
          <cell r="H35" t="str">
            <v>富士市前田９０</v>
          </cell>
          <cell r="I35" t="str">
            <v>0545-61-3550</v>
          </cell>
          <cell r="J35" t="str">
            <v>0545-60-0140</v>
          </cell>
        </row>
        <row r="36">
          <cell r="A36">
            <v>35</v>
          </cell>
          <cell r="B36" t="str">
            <v>矢崎紙工㈱</v>
          </cell>
          <cell r="C36" t="str">
            <v>矢崎紙工㈱</v>
          </cell>
          <cell r="D36" t="str">
            <v>417-0841</v>
          </cell>
          <cell r="E36" t="str">
            <v>富士市富士岡５９５－１</v>
          </cell>
          <cell r="F36" t="str">
            <v>矢崎  清文</v>
          </cell>
          <cell r="G36" t="str">
            <v>417-0841</v>
          </cell>
          <cell r="H36" t="str">
            <v>富士市富士岡５９５－１</v>
          </cell>
          <cell r="I36" t="str">
            <v>0545-34-0756</v>
          </cell>
          <cell r="J36" t="str">
            <v>34-1598</v>
          </cell>
        </row>
        <row r="37">
          <cell r="A37">
            <v>36</v>
          </cell>
          <cell r="B37" t="str">
            <v>王子特殊紙㈱　東海工場（岩渕）</v>
          </cell>
          <cell r="C37" t="str">
            <v>王子特殊紙㈱　東海工場（岩渕）</v>
          </cell>
          <cell r="D37" t="str">
            <v xml:space="preserve">研究技術部 </v>
          </cell>
          <cell r="E37" t="str">
            <v>421-3306</v>
          </cell>
          <cell r="F37" t="str">
            <v>仙石　秀紀</v>
          </cell>
          <cell r="G37" t="str">
            <v>421-3306</v>
          </cell>
          <cell r="H37" t="str">
            <v>庵原郡富士川町中之郷1157-1</v>
          </cell>
          <cell r="I37" t="str">
            <v>0545-81-0091</v>
          </cell>
        </row>
        <row r="38">
          <cell r="A38">
            <v>37</v>
          </cell>
          <cell r="B38" t="str">
            <v>㈱アドビックス</v>
          </cell>
          <cell r="C38" t="str">
            <v>㈱アドビックス</v>
          </cell>
          <cell r="D38" t="str">
            <v>信頼性技術部</v>
          </cell>
          <cell r="E38" t="str">
            <v>410-1193</v>
          </cell>
          <cell r="F38" t="str">
            <v>西川　親義</v>
          </cell>
          <cell r="G38" t="str">
            <v>410-1193</v>
          </cell>
          <cell r="H38" t="str">
            <v>裾野市御宿１２００</v>
          </cell>
          <cell r="I38" t="str">
            <v>055－997－9113</v>
          </cell>
        </row>
        <row r="39">
          <cell r="A39">
            <v>38</v>
          </cell>
          <cell r="B39" t="str">
            <v>伊豆技研工業株式会社</v>
          </cell>
          <cell r="C39" t="str">
            <v>伊豆技研工業株式会社</v>
          </cell>
          <cell r="D39" t="str">
            <v>品質保証センター</v>
          </cell>
          <cell r="E39" t="str">
            <v>419-0113</v>
          </cell>
          <cell r="F39" t="str">
            <v>中村　登</v>
          </cell>
          <cell r="G39" t="str">
            <v>419-0113</v>
          </cell>
          <cell r="H39" t="str">
            <v>静岡県田方郡函南町大土肥131-1</v>
          </cell>
          <cell r="I39" t="str">
            <v>055-978-8461</v>
          </cell>
          <cell r="J39" t="str">
            <v>055-979-2424</v>
          </cell>
        </row>
        <row r="40">
          <cell r="A40">
            <v>39</v>
          </cell>
          <cell r="B40" t="str">
            <v>㈱トヨタエンタプライズ</v>
          </cell>
          <cell r="C40" t="str">
            <v>㈱トヨタエンタプライズ</v>
          </cell>
          <cell r="D40" t="str">
            <v>東富士技術事業部</v>
          </cell>
          <cell r="E40" t="str">
            <v>410-1107</v>
          </cell>
          <cell r="F40" t="str">
            <v>須山　広治</v>
          </cell>
          <cell r="G40" t="str">
            <v>410-1107</v>
          </cell>
          <cell r="H40" t="str">
            <v>裾野市御宿１２００</v>
          </cell>
          <cell r="I40" t="str">
            <v>055-965-0239</v>
          </cell>
          <cell r="J40" t="str">
            <v>055-965-0230</v>
          </cell>
        </row>
        <row r="41">
          <cell r="A41">
            <v>40</v>
          </cell>
          <cell r="B41" t="str">
            <v>㈱トヨタエンタプライズ　東富士事業所</v>
          </cell>
          <cell r="C41" t="str">
            <v>㈱トヨタエンタプライズ　東富士事業所</v>
          </cell>
          <cell r="D41" t="str">
            <v>410-1107</v>
          </cell>
          <cell r="E41" t="str">
            <v>裾野市御宿1200　トヨタ自動車（株）社員クラブ内</v>
          </cell>
          <cell r="F41" t="str">
            <v>杉本　修一</v>
          </cell>
          <cell r="G41" t="str">
            <v>410-1107</v>
          </cell>
          <cell r="H41" t="str">
            <v>裾野市御宿1200　トヨタ自動車（株）社員クラブ内</v>
          </cell>
          <cell r="I41" t="str">
            <v>055-997-5053</v>
          </cell>
          <cell r="J41" t="str">
            <v>055-997-5062</v>
          </cell>
        </row>
        <row r="42">
          <cell r="A42">
            <v>41</v>
          </cell>
          <cell r="B42" t="str">
            <v>トヨタテクニカルディベロップメント（株）</v>
          </cell>
          <cell r="C42" t="str">
            <v>トヨタテクニカルディベロップメント（株）</v>
          </cell>
          <cell r="D42" t="str">
            <v>総務部　東富士管理室</v>
          </cell>
          <cell r="E42" t="str">
            <v>410-1193</v>
          </cell>
          <cell r="F42" t="str">
            <v>橋本　昭弘</v>
          </cell>
          <cell r="G42" t="str">
            <v>410-1193</v>
          </cell>
          <cell r="H42" t="str">
            <v>裾野市御宿1200　トヨタ自動車東富士研究所内</v>
          </cell>
          <cell r="I42" t="str">
            <v>055-997-7517</v>
          </cell>
          <cell r="J42" t="str">
            <v>055-997-7885</v>
          </cell>
        </row>
        <row r="43">
          <cell r="A43">
            <v>42</v>
          </cell>
          <cell r="B43" t="str">
            <v>トヨタ自動車㈱ 東富士研究所</v>
          </cell>
          <cell r="C43" t="str">
            <v>トヨタ自動車㈱ 東富士研究所</v>
          </cell>
          <cell r="D43" t="str">
            <v>管理部　総括室　</v>
          </cell>
          <cell r="E43" t="str">
            <v>410-1193</v>
          </cell>
          <cell r="F43" t="str">
            <v>白井　義博</v>
          </cell>
          <cell r="G43" t="str">
            <v>410-1193</v>
          </cell>
          <cell r="H43" t="str">
            <v>裾野市御宿１２００</v>
          </cell>
          <cell r="I43" t="str">
            <v>055-997-7962</v>
          </cell>
          <cell r="J43" t="str">
            <v>997-7864</v>
          </cell>
        </row>
        <row r="44">
          <cell r="A44">
            <v>43</v>
          </cell>
          <cell r="B44" t="str">
            <v>フジ虎ノ門整形外科病院</v>
          </cell>
          <cell r="C44" t="str">
            <v>フジ虎ノ門整形外科病院</v>
          </cell>
          <cell r="D44" t="str">
            <v>整形外科</v>
          </cell>
          <cell r="E44" t="str">
            <v>副院長</v>
          </cell>
          <cell r="F44" t="str">
            <v>山口真由美</v>
          </cell>
          <cell r="G44" t="str">
            <v>412-0045</v>
          </cell>
          <cell r="H44" t="str">
            <v>御殿場市川島田１０６７－１</v>
          </cell>
          <cell r="I44" t="str">
            <v>0550-89-7872</v>
          </cell>
          <cell r="J44" t="str">
            <v>87-1516</v>
          </cell>
        </row>
        <row r="45">
          <cell r="A45">
            <v>44</v>
          </cell>
          <cell r="B45" t="str">
            <v>臼井国際産業㈱</v>
          </cell>
          <cell r="C45" t="str">
            <v>臼井国際産業㈱</v>
          </cell>
          <cell r="D45" t="str">
            <v>ＱＳ－9000ﾌﾟﾛｼﾞｪｸﾄ</v>
          </cell>
          <cell r="E45" t="str">
            <v>411-8610</v>
          </cell>
          <cell r="F45" t="str">
            <v>堰沢　一郎</v>
          </cell>
          <cell r="G45" t="str">
            <v>411-8610</v>
          </cell>
          <cell r="H45" t="str">
            <v>駿東郡清水町長沢１３１－２</v>
          </cell>
          <cell r="I45" t="str">
            <v>055-973-6789</v>
          </cell>
          <cell r="J45" t="str">
            <v>973-7361</v>
          </cell>
        </row>
        <row r="46">
          <cell r="A46">
            <v>45</v>
          </cell>
          <cell r="B46" t="str">
            <v>㈱エヌビーエス</v>
          </cell>
          <cell r="C46" t="str">
            <v>㈱エヌビーエス</v>
          </cell>
          <cell r="D46" t="str">
            <v>品質保証課</v>
          </cell>
          <cell r="E46" t="str">
            <v>課長</v>
          </cell>
          <cell r="F46" t="str">
            <v>横山　秋博</v>
          </cell>
          <cell r="G46" t="str">
            <v>410-1315</v>
          </cell>
          <cell r="H46" t="str">
            <v>駿東郡小山町桑木２３４</v>
          </cell>
          <cell r="I46" t="str">
            <v>0550-76-1255</v>
          </cell>
          <cell r="J46" t="str">
            <v>76－2066</v>
          </cell>
        </row>
        <row r="47">
          <cell r="A47">
            <v>46</v>
          </cell>
          <cell r="B47" t="str">
            <v>㈱ピスキャス　沼津工場</v>
          </cell>
          <cell r="C47" t="str">
            <v>㈱ピスキャス　沼津工場</v>
          </cell>
          <cell r="D47" t="str">
            <v>送電製造部　製造課</v>
          </cell>
          <cell r="E47" t="str">
            <v>410-8504</v>
          </cell>
          <cell r="F47" t="str">
            <v>小沢　市郎</v>
          </cell>
          <cell r="G47" t="str">
            <v>410-8504</v>
          </cell>
          <cell r="H47" t="str">
            <v>沼津市双葉町9-20</v>
          </cell>
          <cell r="I47" t="str">
            <v>055-923-6611</v>
          </cell>
        </row>
        <row r="48">
          <cell r="A48">
            <v>47</v>
          </cell>
          <cell r="B48" t="str">
            <v>㈱フジクラ　沼津事業所</v>
          </cell>
          <cell r="C48" t="str">
            <v>㈱フジクラ　沼津事業所</v>
          </cell>
          <cell r="D48" t="str">
            <v>ＦＰＳ推進室</v>
          </cell>
          <cell r="E48" t="str">
            <v>410-8504</v>
          </cell>
          <cell r="F48" t="str">
            <v>増山　悦昭</v>
          </cell>
          <cell r="G48" t="str">
            <v>410-8504</v>
          </cell>
          <cell r="H48" t="str">
            <v>沼津市双葉町９－１</v>
          </cell>
          <cell r="I48" t="str">
            <v>055-923-1231</v>
          </cell>
          <cell r="J48" t="str">
            <v>924-8110</v>
          </cell>
        </row>
        <row r="49">
          <cell r="A49">
            <v>48</v>
          </cell>
          <cell r="B49" t="str">
            <v>㈱ヤクルト本社　富士裾野工場</v>
          </cell>
          <cell r="C49" t="str">
            <v>㈱ヤクルト本社　富士裾野工場</v>
          </cell>
          <cell r="D49" t="str">
            <v>総務課</v>
          </cell>
          <cell r="E49" t="str">
            <v>主事</v>
          </cell>
          <cell r="F49" t="str">
            <v>井上　佳久</v>
          </cell>
          <cell r="G49" t="str">
            <v>410-1105</v>
          </cell>
          <cell r="H49" t="str">
            <v>裾野市下和田字十三郎６５３－１</v>
          </cell>
          <cell r="I49" t="str">
            <v>055－997－3311</v>
          </cell>
          <cell r="J49" t="str">
            <v>965－0028</v>
          </cell>
        </row>
        <row r="50">
          <cell r="A50">
            <v>49</v>
          </cell>
          <cell r="B50" t="str">
            <v>㈱リコー 沼津事業所</v>
          </cell>
          <cell r="C50" t="str">
            <v>㈱リコー 沼津事業所</v>
          </cell>
          <cell r="D50" t="str">
            <v>沼津総務センター</v>
          </cell>
          <cell r="E50" t="str">
            <v>410-8505</v>
          </cell>
          <cell r="F50" t="str">
            <v>内藤 正志</v>
          </cell>
          <cell r="G50" t="str">
            <v>410-8505</v>
          </cell>
          <cell r="H50" t="str">
            <v>沼津市本田町１６－１</v>
          </cell>
          <cell r="I50" t="str">
            <v>055-920-1021</v>
          </cell>
          <cell r="J50" t="str">
            <v>923-8151</v>
          </cell>
        </row>
        <row r="51">
          <cell r="A51">
            <v>50</v>
          </cell>
          <cell r="B51" t="str">
            <v>㈱旭洋工業製作所</v>
          </cell>
          <cell r="C51" t="str">
            <v>㈱旭洋工業製作所</v>
          </cell>
          <cell r="D51" t="str">
            <v>品質保証部</v>
          </cell>
          <cell r="E51" t="str">
            <v>410-0931</v>
          </cell>
          <cell r="F51" t="str">
            <v>佐藤　啓</v>
          </cell>
          <cell r="G51" t="str">
            <v>410-0931</v>
          </cell>
          <cell r="H51" t="str">
            <v>駿東郡長泉町東野50-16</v>
          </cell>
          <cell r="I51" t="str">
            <v>055-986-2229</v>
          </cell>
          <cell r="J51" t="str">
            <v>055-986-8305</v>
          </cell>
        </row>
        <row r="52">
          <cell r="A52">
            <v>51</v>
          </cell>
          <cell r="B52" t="str">
            <v>㈱耕文社</v>
          </cell>
          <cell r="C52" t="str">
            <v>㈱耕文社</v>
          </cell>
          <cell r="D52" t="str">
            <v>管理部総務　ＱＣ事務局</v>
          </cell>
          <cell r="E52" t="str">
            <v>　</v>
          </cell>
          <cell r="F52" t="str">
            <v>井澤　嘉明</v>
          </cell>
          <cell r="G52" t="str">
            <v>410-0001</v>
          </cell>
          <cell r="H52" t="str">
            <v>沼津市足高292-38</v>
          </cell>
          <cell r="I52" t="str">
            <v>055-925-0016</v>
          </cell>
          <cell r="J52" t="str">
            <v>925-0020</v>
          </cell>
        </row>
        <row r="53">
          <cell r="A53">
            <v>52</v>
          </cell>
          <cell r="B53" t="str">
            <v>㈱三静工業</v>
          </cell>
          <cell r="C53" t="str">
            <v>㈱三静工業</v>
          </cell>
          <cell r="D53" t="str">
            <v>製造部 生産管理課</v>
          </cell>
          <cell r="E53" t="str">
            <v>課長</v>
          </cell>
          <cell r="F53" t="str">
            <v>小川　浩之</v>
          </cell>
          <cell r="G53" t="str">
            <v>411-8525</v>
          </cell>
          <cell r="H53" t="str">
            <v>三島市松本１8１</v>
          </cell>
          <cell r="I53" t="str">
            <v>055-977-2054</v>
          </cell>
          <cell r="J53" t="str">
            <v>977-6733</v>
          </cell>
        </row>
        <row r="54">
          <cell r="A54">
            <v>53</v>
          </cell>
          <cell r="B54" t="str">
            <v>㈱電業社機械製作所　三島事業所</v>
          </cell>
          <cell r="C54" t="str">
            <v>㈱電業社機械製作所　三島事業所</v>
          </cell>
          <cell r="D54" t="str">
            <v>経営戦略室</v>
          </cell>
          <cell r="E54" t="str">
            <v>411-8560</v>
          </cell>
          <cell r="F54" t="str">
            <v>久保田　均</v>
          </cell>
          <cell r="G54" t="str">
            <v>411-8560</v>
          </cell>
          <cell r="H54" t="str">
            <v>三島市三好町３－２７</v>
          </cell>
          <cell r="I54" t="str">
            <v>055-975-8036</v>
          </cell>
          <cell r="J54" t="str">
            <v>975-5784</v>
          </cell>
        </row>
        <row r="55">
          <cell r="A55">
            <v>54</v>
          </cell>
          <cell r="B55" t="str">
            <v>㈱東平商会</v>
          </cell>
          <cell r="C55" t="str">
            <v>㈱東平商会</v>
          </cell>
          <cell r="D55" t="str">
            <v>　品質管理室</v>
          </cell>
          <cell r="E55" t="str">
            <v>418-0031</v>
          </cell>
          <cell r="F55" t="str">
            <v>小田　悦司</v>
          </cell>
          <cell r="G55" t="str">
            <v>418-0031</v>
          </cell>
          <cell r="H55" t="str">
            <v>駿東郡長泉町下土狩７２-1</v>
          </cell>
          <cell r="I55" t="str">
            <v>055-986-8611</v>
          </cell>
          <cell r="J55" t="str">
            <v>055-988-0844</v>
          </cell>
        </row>
        <row r="56">
          <cell r="A56">
            <v>55</v>
          </cell>
          <cell r="B56" t="str">
            <v>㈱明電舎 沼津事業所</v>
          </cell>
          <cell r="C56" t="str">
            <v>㈱明電舎 沼津事業所</v>
          </cell>
          <cell r="D56" t="str">
            <v>人総G　人材開発センター</v>
          </cell>
          <cell r="E56" t="str">
            <v>410-8588</v>
          </cell>
          <cell r="F56" t="str">
            <v>福元　正典</v>
          </cell>
          <cell r="G56" t="str">
            <v>410-8588</v>
          </cell>
          <cell r="H56" t="str">
            <v>沼津市東間門字上中溝５１５</v>
          </cell>
          <cell r="I56" t="str">
            <v>055-929-5053</v>
          </cell>
          <cell r="J56" t="str">
            <v>055-929-5900</v>
          </cell>
        </row>
        <row r="57">
          <cell r="A57">
            <v>56</v>
          </cell>
          <cell r="B57" t="str">
            <v>慶応義塾大学　月ヶ瀬ﾘﾊﾋﾞﾘﾃｰｼｮﾝｾﾝﾀｰ</v>
          </cell>
          <cell r="C57" t="str">
            <v>慶応義塾大学　月ヶ瀬ﾘﾊﾋﾞﾘﾃｰｼｮﾝｾﾝﾀｰ</v>
          </cell>
          <cell r="D57" t="str">
            <v>言語治療室　　理学療法科</v>
          </cell>
          <cell r="E57" t="str">
            <v>課長代理</v>
          </cell>
          <cell r="F57" t="str">
            <v>寺林　大史</v>
          </cell>
          <cell r="G57" t="str">
            <v>410-3293</v>
          </cell>
          <cell r="H57" t="str">
            <v>伊豆市月ヶ瀬３８０-２</v>
          </cell>
          <cell r="I57" t="str">
            <v>0558-85-1701</v>
          </cell>
        </row>
        <row r="58">
          <cell r="A58">
            <v>57</v>
          </cell>
          <cell r="B58" t="str">
            <v>三幸興業（株）</v>
          </cell>
          <cell r="C58" t="str">
            <v>三幸興業（株）</v>
          </cell>
          <cell r="D58" t="str">
            <v>トヨタ事業推進部</v>
          </cell>
          <cell r="E58" t="str">
            <v>410-0043</v>
          </cell>
          <cell r="F58" t="str">
            <v>深澤　徹</v>
          </cell>
          <cell r="G58" t="str">
            <v>410-0043</v>
          </cell>
          <cell r="H58" t="str">
            <v>沼津市柳町１－５０　SANKOビル</v>
          </cell>
          <cell r="I58" t="str">
            <v>055－924－5381</v>
          </cell>
          <cell r="J58" t="str">
            <v>055-923-1835</v>
          </cell>
        </row>
        <row r="59">
          <cell r="A59">
            <v>58</v>
          </cell>
          <cell r="B59" t="str">
            <v>沼津中央病院</v>
          </cell>
          <cell r="C59" t="str">
            <v>沼津中央病院</v>
          </cell>
          <cell r="D59" t="str">
            <v>看護部</v>
          </cell>
          <cell r="E59" t="str">
            <v>課長</v>
          </cell>
          <cell r="F59" t="str">
            <v>葛城　芳弘</v>
          </cell>
          <cell r="G59" t="str">
            <v>410-8575</v>
          </cell>
          <cell r="H59" t="str">
            <v>沼津市中瀬町２４－１</v>
          </cell>
          <cell r="I59" t="str">
            <v>055-931-4100</v>
          </cell>
          <cell r="J59" t="str">
            <v>934-1698</v>
          </cell>
        </row>
        <row r="60">
          <cell r="A60">
            <v>59</v>
          </cell>
          <cell r="B60" t="str">
            <v>静岡県立静岡がんセンター</v>
          </cell>
          <cell r="C60" t="str">
            <v>静岡県立静岡がんセンター</v>
          </cell>
          <cell r="D60" t="str">
            <v>鳶巣　賢一</v>
          </cell>
          <cell r="E60" t="str">
            <v>病院長</v>
          </cell>
          <cell r="F60" t="str">
            <v>鳶巣　賢一</v>
          </cell>
          <cell r="G60" t="str">
            <v>411-8777</v>
          </cell>
          <cell r="H60" t="str">
            <v>駿東郡長泉町下長窪１００７</v>
          </cell>
          <cell r="I60" t="str">
            <v>055－989－5222</v>
          </cell>
        </row>
        <row r="61">
          <cell r="A61">
            <v>60</v>
          </cell>
          <cell r="B61" t="str">
            <v>東栄電機㈱　三島本社</v>
          </cell>
          <cell r="C61" t="str">
            <v>東栄電機㈱　三島本社</v>
          </cell>
          <cell r="D61" t="str">
            <v>管理部</v>
          </cell>
          <cell r="E61" t="str">
            <v>参与</v>
          </cell>
          <cell r="F61" t="str">
            <v>鈴木　忠宣</v>
          </cell>
          <cell r="G61" t="str">
            <v>411-8510</v>
          </cell>
          <cell r="H61" t="str">
            <v>三島市松本１３１</v>
          </cell>
          <cell r="I61" t="str">
            <v>055-977-0126</v>
          </cell>
          <cell r="J61" t="str">
            <v>977-0133</v>
          </cell>
        </row>
        <row r="62">
          <cell r="A62">
            <v>61</v>
          </cell>
          <cell r="B62" t="str">
            <v>明電ケミカル㈱</v>
          </cell>
          <cell r="C62" t="str">
            <v>明電ケミカル㈱</v>
          </cell>
          <cell r="D62" t="str">
            <v>製造部</v>
          </cell>
          <cell r="E62" t="str">
            <v>410-0865</v>
          </cell>
          <cell r="F62" t="str">
            <v>藤原　伸一</v>
          </cell>
          <cell r="G62" t="str">
            <v>410-0865</v>
          </cell>
          <cell r="H62" t="str">
            <v>沼津市東間門字上中溝５１５</v>
          </cell>
          <cell r="I62" t="str">
            <v>055-923-0238</v>
          </cell>
        </row>
        <row r="63">
          <cell r="A63">
            <v>62</v>
          </cell>
          <cell r="B63" t="str">
            <v>明電シスコン㈱（継電器工場）</v>
          </cell>
          <cell r="C63" t="str">
            <v>明電シスコン㈱（継電器工場）</v>
          </cell>
          <cell r="D63" t="str">
            <v>製造第１課</v>
          </cell>
          <cell r="E63" t="str">
            <v>410-0873</v>
          </cell>
          <cell r="F63" t="str">
            <v>中井　忠章</v>
          </cell>
          <cell r="G63" t="str">
            <v>410-0873</v>
          </cell>
          <cell r="H63" t="str">
            <v>沼津市大諏訪726-1</v>
          </cell>
          <cell r="I63" t="str">
            <v>055-929-3764</v>
          </cell>
        </row>
        <row r="64">
          <cell r="A64">
            <v>63</v>
          </cell>
          <cell r="B64" t="str">
            <v>明電シスコン㈱（明電社内）</v>
          </cell>
          <cell r="C64" t="str">
            <v>明電シスコン㈱（明電社内）</v>
          </cell>
          <cell r="D64" t="str">
            <v>装置工場　製造部</v>
          </cell>
          <cell r="E64" t="str">
            <v>410-8588</v>
          </cell>
          <cell r="F64" t="str">
            <v>軸屋　節男</v>
          </cell>
          <cell r="G64" t="str">
            <v>410-8588</v>
          </cell>
          <cell r="H64" t="str">
            <v>沼津市東間門字上中溝５１５</v>
          </cell>
          <cell r="I64" t="str">
            <v>055-929-3210</v>
          </cell>
        </row>
        <row r="65">
          <cell r="A65">
            <v>64</v>
          </cell>
          <cell r="B65" t="str">
            <v>矢崎電線㈱　沼津製作所</v>
          </cell>
          <cell r="C65" t="str">
            <v>矢崎電線㈱　沼津製作所</v>
          </cell>
          <cell r="D65" t="str">
            <v>ＮYS推進事務局</v>
          </cell>
          <cell r="E65" t="str">
            <v>410-8515</v>
          </cell>
          <cell r="F65" t="str">
            <v>安藤　光博</v>
          </cell>
          <cell r="G65" t="str">
            <v>410-8515</v>
          </cell>
          <cell r="H65" t="str">
            <v>沼津市大岡２７７１</v>
          </cell>
          <cell r="I65" t="str">
            <v>055-924-2318</v>
          </cell>
          <cell r="J65" t="str">
            <v>921-5467</v>
          </cell>
        </row>
        <row r="66">
          <cell r="A66">
            <v>65</v>
          </cell>
          <cell r="B66" t="str">
            <v>㈱村上開明堂　ミラーシステム事業部</v>
          </cell>
          <cell r="C66" t="str">
            <v>㈱村上開明堂　ミラーシステム事業部</v>
          </cell>
          <cell r="D66" t="str">
            <v>品質保証部　品質推進課</v>
          </cell>
          <cell r="E66" t="str">
            <v>426-8601</v>
          </cell>
          <cell r="F66" t="str">
            <v>村松　真</v>
          </cell>
          <cell r="G66" t="str">
            <v>426-8601</v>
          </cell>
          <cell r="H66" t="str">
            <v>藤枝市兵太夫748番地</v>
          </cell>
          <cell r="I66" t="str">
            <v>054-635-1003</v>
          </cell>
          <cell r="J66" t="str">
            <v>054-636-3243</v>
          </cell>
        </row>
        <row r="67">
          <cell r="A67">
            <v>66</v>
          </cell>
          <cell r="B67" t="str">
            <v>スター精密㈱　富士見工場</v>
          </cell>
          <cell r="C67" t="str">
            <v>スター精密㈱　富士見工場</v>
          </cell>
          <cell r="D67" t="str">
            <v>精密部品事業部　品質保証室</v>
          </cell>
          <cell r="E67" t="str">
            <v>室長</v>
          </cell>
          <cell r="F67" t="str">
            <v>飯塚　昌志</v>
          </cell>
          <cell r="G67" t="str">
            <v>424-0065</v>
          </cell>
          <cell r="H67" t="str">
            <v>静岡市清水区長崎３９１番地</v>
          </cell>
          <cell r="I67" t="str">
            <v>0543-46-1191</v>
          </cell>
        </row>
        <row r="68">
          <cell r="A68">
            <v>67</v>
          </cell>
          <cell r="B68" t="str">
            <v>科研製薬㈱　静岡工場</v>
          </cell>
          <cell r="C68" t="str">
            <v>科研製薬㈱　静岡工場</v>
          </cell>
          <cell r="D68" t="str">
            <v>事務課総務係</v>
          </cell>
          <cell r="E68" t="str">
            <v>426-8646</v>
          </cell>
          <cell r="F68" t="str">
            <v>横山　令子</v>
          </cell>
          <cell r="G68" t="str">
            <v>426-8646</v>
          </cell>
          <cell r="H68" t="str">
            <v>藤枝市源助３０１</v>
          </cell>
          <cell r="I68" t="str">
            <v>054-635-2290</v>
          </cell>
          <cell r="J68" t="str">
            <v>635-6924</v>
          </cell>
        </row>
        <row r="69">
          <cell r="A69">
            <v>68</v>
          </cell>
          <cell r="B69" t="str">
            <v>㈱小糸製作所</v>
          </cell>
          <cell r="C69" t="str">
            <v>㈱小糸製作所</v>
          </cell>
          <cell r="D69" t="str">
            <v>品質保証部　管理ｸﾞﾙｰﾌﾟ</v>
          </cell>
          <cell r="E69" t="str">
            <v>担当員</v>
          </cell>
          <cell r="F69" t="str">
            <v>廣住　康雄</v>
          </cell>
          <cell r="G69" t="str">
            <v>424-8764</v>
          </cell>
          <cell r="H69" t="str">
            <v>静岡市清水区北脇５００番地</v>
          </cell>
          <cell r="I69" t="str">
            <v>0543-45-7564</v>
          </cell>
          <cell r="J69" t="str">
            <v>45-5021</v>
          </cell>
        </row>
        <row r="70">
          <cell r="A70">
            <v>69</v>
          </cell>
          <cell r="B70" t="str">
            <v>企業組合OFFICEサンライズ</v>
          </cell>
          <cell r="C70" t="str">
            <v>企業組合OFFICEサンライズ</v>
          </cell>
          <cell r="D70" t="str">
            <v>422-8008</v>
          </cell>
          <cell r="E70" t="str">
            <v>静岡市駿河区栗原35-24</v>
          </cell>
          <cell r="F70" t="str">
            <v>吉田　秀和</v>
          </cell>
          <cell r="G70" t="str">
            <v>422-8008</v>
          </cell>
          <cell r="H70" t="str">
            <v>静岡市駿河区栗原35-24</v>
          </cell>
          <cell r="I70" t="str">
            <v>054-261-0863</v>
          </cell>
          <cell r="J70" t="str">
            <v>(080-3611-4810）</v>
          </cell>
        </row>
        <row r="71">
          <cell r="A71">
            <v>70</v>
          </cell>
          <cell r="B71" t="str">
            <v>ＮＴＴ西日本（西日本電信電話㈱）静岡支店</v>
          </cell>
          <cell r="C71" t="str">
            <v>ＮＴＴ西日本（西日本電信電話㈱）静岡支店</v>
          </cell>
          <cell r="D71" t="str">
            <v>十河　政史</v>
          </cell>
          <cell r="E71" t="str">
            <v>支店長</v>
          </cell>
          <cell r="F71" t="str">
            <v>十河　政史</v>
          </cell>
          <cell r="G71" t="str">
            <v>420-8685</v>
          </cell>
          <cell r="H71" t="str">
            <v>静岡市葵区城東町5-1　ＮＴＴ城東ビル</v>
          </cell>
          <cell r="I71" t="str">
            <v>054-200-1470</v>
          </cell>
          <cell r="J71" t="str">
            <v>205-3397</v>
          </cell>
        </row>
        <row r="72">
          <cell r="A72">
            <v>71</v>
          </cell>
          <cell r="B72" t="str">
            <v>静岡県立こころの医療センター</v>
          </cell>
          <cell r="C72" t="str">
            <v>静岡県立こころの医療センター</v>
          </cell>
          <cell r="D72" t="str">
            <v>看護部</v>
          </cell>
          <cell r="E72" t="str">
            <v>420-0949</v>
          </cell>
          <cell r="F72" t="str">
            <v>服部　静香</v>
          </cell>
          <cell r="G72" t="str">
            <v>420-0949</v>
          </cell>
          <cell r="H72" t="str">
            <v>静岡市葵区与一４丁目１－１</v>
          </cell>
          <cell r="I72" t="str">
            <v>054-271-1135</v>
          </cell>
          <cell r="J72" t="str">
            <v>054-251-6584</v>
          </cell>
        </row>
        <row r="73">
          <cell r="A73">
            <v>72</v>
          </cell>
          <cell r="B73" t="str">
            <v>静岡県立こども病院</v>
          </cell>
          <cell r="C73" t="str">
            <v>静岡県立こども病院</v>
          </cell>
          <cell r="D73" t="str">
            <v>C2病棟</v>
          </cell>
          <cell r="E73" t="str">
            <v>420-0953</v>
          </cell>
          <cell r="F73" t="str">
            <v>瀧賀　智子</v>
          </cell>
          <cell r="G73" t="str">
            <v>420-0953</v>
          </cell>
          <cell r="H73" t="str">
            <v>静岡市葵区漆山８６０</v>
          </cell>
          <cell r="I73" t="str">
            <v>054-247-6251(672)</v>
          </cell>
          <cell r="J73" t="str">
            <v>247-6259</v>
          </cell>
        </row>
        <row r="74">
          <cell r="A74">
            <v>73</v>
          </cell>
          <cell r="B74" t="str">
            <v>静岡県立総合病院</v>
          </cell>
          <cell r="C74" t="str">
            <v>静岡県立総合病院</v>
          </cell>
          <cell r="D74" t="str">
            <v>看護部　</v>
          </cell>
          <cell r="E74" t="str">
            <v>420-8527</v>
          </cell>
          <cell r="F74" t="str">
            <v>岡村　暁美</v>
          </cell>
          <cell r="G74" t="str">
            <v>420-8527</v>
          </cell>
          <cell r="H74" t="str">
            <v>静岡市葵区北安東4-27-1</v>
          </cell>
          <cell r="I74" t="str">
            <v>054-247-6111</v>
          </cell>
          <cell r="J74" t="str">
            <v>054-247-6140</v>
          </cell>
        </row>
        <row r="75">
          <cell r="A75">
            <v>74</v>
          </cell>
          <cell r="B75" t="str">
            <v>静岡済生会総合病院</v>
          </cell>
          <cell r="C75" t="str">
            <v>静岡済生会総合病院</v>
          </cell>
          <cell r="D75" t="str">
            <v>看護部長室</v>
          </cell>
          <cell r="E75" t="str">
            <v>422-8527</v>
          </cell>
          <cell r="F75" t="str">
            <v>浦田　綾乃</v>
          </cell>
          <cell r="G75" t="str">
            <v>422-8527</v>
          </cell>
          <cell r="H75" t="str">
            <v>静岡市駿河区小鹿1丁目1番1号</v>
          </cell>
          <cell r="I75" t="str">
            <v>054-285-6171</v>
          </cell>
          <cell r="J75" t="str">
            <v>285-5179</v>
          </cell>
        </row>
        <row r="76">
          <cell r="A76">
            <v>75</v>
          </cell>
          <cell r="B76" t="str">
            <v>静岡電装㈱</v>
          </cell>
          <cell r="C76" t="str">
            <v>静岡電装㈱</v>
          </cell>
          <cell r="D76" t="str">
            <v>総務部　総務課</v>
          </cell>
          <cell r="E76" t="str">
            <v>QCC推進事務局</v>
          </cell>
          <cell r="F76" t="str">
            <v>澤口　寿一</v>
          </cell>
          <cell r="G76" t="str">
            <v>424-0065</v>
          </cell>
          <cell r="H76" t="str">
            <v>静岡市清水区長崎６３２</v>
          </cell>
          <cell r="I76" t="str">
            <v>0543-45-4131</v>
          </cell>
          <cell r="J76" t="str">
            <v>45-0856</v>
          </cell>
        </row>
        <row r="77">
          <cell r="A77">
            <v>76</v>
          </cell>
          <cell r="B77" t="str">
            <v>大和サービス㈱</v>
          </cell>
          <cell r="C77" t="str">
            <v>大和サービス㈱</v>
          </cell>
          <cell r="D77" t="str">
            <v>製版部製版課</v>
          </cell>
          <cell r="E77" t="str">
            <v>424-8648</v>
          </cell>
          <cell r="F77" t="str">
            <v>海野　剛裕</v>
          </cell>
          <cell r="G77" t="str">
            <v>424-8648</v>
          </cell>
          <cell r="H77" t="str">
            <v>静岡市清水区中之郷3-6-1</v>
          </cell>
          <cell r="I77" t="str">
            <v>054-348-8872</v>
          </cell>
          <cell r="J77" t="str">
            <v>348-0324</v>
          </cell>
        </row>
        <row r="78">
          <cell r="A78">
            <v>77</v>
          </cell>
          <cell r="B78" t="str">
            <v>第一三共プロファーマ（株）静岡工場</v>
          </cell>
          <cell r="C78" t="str">
            <v>第一三共プロファーマ（株）静岡工場</v>
          </cell>
          <cell r="D78" t="str">
            <v>管理部スタッフグループ</v>
          </cell>
          <cell r="E78" t="str">
            <v>428-0021</v>
          </cell>
          <cell r="F78" t="str">
            <v>源間　浩子</v>
          </cell>
          <cell r="G78" t="str">
            <v>428-0021</v>
          </cell>
          <cell r="H78" t="str">
            <v>島田市金谷町金谷河原５８８</v>
          </cell>
          <cell r="I78" t="str">
            <v>0547-45-3191</v>
          </cell>
          <cell r="J78" t="str">
            <v>46-2801</v>
          </cell>
        </row>
        <row r="79">
          <cell r="A79">
            <v>78</v>
          </cell>
          <cell r="B79" t="str">
            <v>東海パルプ㈱</v>
          </cell>
          <cell r="C79" t="str">
            <v>東海パルプ㈱</v>
          </cell>
          <cell r="D79" t="str">
            <v>品質管理部 ＴＰＭ・ＱＣ担当</v>
          </cell>
          <cell r="E79" t="str">
            <v>担当</v>
          </cell>
          <cell r="F79" t="str">
            <v>水口　章代</v>
          </cell>
          <cell r="G79" t="str">
            <v>427-8510</v>
          </cell>
          <cell r="H79" t="str">
            <v>島田市向島町４３７９</v>
          </cell>
          <cell r="I79" t="str">
            <v>0547-36-5161</v>
          </cell>
          <cell r="J79" t="str">
            <v>36-1351</v>
          </cell>
        </row>
        <row r="80">
          <cell r="A80">
            <v>79</v>
          </cell>
          <cell r="B80" t="str">
            <v>東海旅客鉄道㈱　静岡支社</v>
          </cell>
          <cell r="C80" t="str">
            <v>東海旅客鉄道㈱　静岡支社</v>
          </cell>
          <cell r="D80" t="str">
            <v>管理部　人事課</v>
          </cell>
          <cell r="E80" t="str">
            <v>420-0851</v>
          </cell>
          <cell r="F80" t="str">
            <v>松木　一彦</v>
          </cell>
          <cell r="G80" t="str">
            <v>420-0851</v>
          </cell>
          <cell r="H80" t="str">
            <v>静岡市葵区黒金町４番地</v>
          </cell>
          <cell r="I80" t="str">
            <v>054-284-2214</v>
          </cell>
          <cell r="J80" t="str">
            <v>284-3484</v>
          </cell>
        </row>
        <row r="81">
          <cell r="A81">
            <v>80</v>
          </cell>
          <cell r="B81" t="str">
            <v>藤枝オートライティング㈱</v>
          </cell>
          <cell r="C81" t="str">
            <v>藤枝オートライティング㈱</v>
          </cell>
          <cell r="D81" t="str">
            <v>管理課</v>
          </cell>
          <cell r="E81" t="str">
            <v/>
          </cell>
          <cell r="F81" t="str">
            <v>杉山　幹雄</v>
          </cell>
          <cell r="G81" t="str">
            <v>426-0002</v>
          </cell>
          <cell r="H81" t="str">
            <v>藤枝市横内８００－１８</v>
          </cell>
          <cell r="I81" t="str">
            <v>054-643-2135</v>
          </cell>
          <cell r="J81" t="str">
            <v>643-2849</v>
          </cell>
        </row>
        <row r="82">
          <cell r="A82">
            <v>81</v>
          </cell>
          <cell r="B82" t="str">
            <v>独立行政法人 国立印刷局 静岡工場</v>
          </cell>
          <cell r="C82" t="str">
            <v>独立行政法人 国立印刷局 静岡工場</v>
          </cell>
          <cell r="D82" t="str">
            <v>総務部</v>
          </cell>
          <cell r="E82" t="str">
            <v/>
          </cell>
          <cell r="F82" t="str">
            <v>鳥井　きよみ</v>
          </cell>
          <cell r="G82" t="str">
            <v>422-8004</v>
          </cell>
          <cell r="H82" t="str">
            <v>静岡市駿河区国吉田３丁目５番１号</v>
          </cell>
          <cell r="I82" t="str">
            <v>054-265-8003</v>
          </cell>
          <cell r="J82" t="str">
            <v>265-8074</v>
          </cell>
        </row>
        <row r="83">
          <cell r="A83">
            <v>82</v>
          </cell>
          <cell r="B83" t="str">
            <v>日星工業㈱</v>
          </cell>
          <cell r="C83" t="str">
            <v>日星工業㈱</v>
          </cell>
          <cell r="D83" t="str">
            <v>技術部</v>
          </cell>
          <cell r="E83" t="str">
            <v>次長</v>
          </cell>
          <cell r="F83" t="str">
            <v>武田　憲和</v>
          </cell>
          <cell r="G83" t="str">
            <v>424-0055</v>
          </cell>
          <cell r="H83" t="str">
            <v>静岡市清水区吉川７９０</v>
          </cell>
          <cell r="I83" t="str">
            <v>0543-47-0311</v>
          </cell>
          <cell r="J83" t="str">
            <v>47-0314</v>
          </cell>
        </row>
        <row r="84">
          <cell r="A84">
            <v>83</v>
          </cell>
          <cell r="B84" t="str">
            <v>日発運送㈱</v>
          </cell>
          <cell r="C84" t="str">
            <v>日発運送㈱</v>
          </cell>
          <cell r="D84" t="str">
            <v>総務課</v>
          </cell>
          <cell r="E84" t="str">
            <v>421-0218</v>
          </cell>
          <cell r="F84" t="str">
            <v>北堀　拓也</v>
          </cell>
          <cell r="G84" t="str">
            <v>421-0218</v>
          </cell>
          <cell r="H84" t="str">
            <v>静岡県志太郡大井川町下江留437-14</v>
          </cell>
          <cell r="I84" t="str">
            <v>054-622-0839</v>
          </cell>
          <cell r="J84" t="str">
            <v>622-5535</v>
          </cell>
        </row>
        <row r="85">
          <cell r="A85">
            <v>84</v>
          </cell>
          <cell r="B85" t="str">
            <v>望月螺旋㈱</v>
          </cell>
          <cell r="C85" t="str">
            <v>望月螺旋㈱</v>
          </cell>
          <cell r="D85" t="str">
            <v>営業部製品管理課</v>
          </cell>
          <cell r="E85" t="str">
            <v>課長代理</v>
          </cell>
          <cell r="F85" t="str">
            <v>鈴木　巧</v>
          </cell>
          <cell r="G85" t="str">
            <v>424-0204</v>
          </cell>
          <cell r="H85" t="str">
            <v>静岡市清水区興津中町1428</v>
          </cell>
          <cell r="I85" t="str">
            <v>0543-69-3449</v>
          </cell>
        </row>
        <row r="86">
          <cell r="A86">
            <v>85</v>
          </cell>
          <cell r="B86" t="str">
            <v>鈴与㈱</v>
          </cell>
          <cell r="C86" t="str">
            <v>鈴与㈱</v>
          </cell>
          <cell r="D86" t="str">
            <v>作業部オペレーション課</v>
          </cell>
          <cell r="E86" t="str">
            <v/>
          </cell>
          <cell r="F86" t="str">
            <v>五百旗頭　努</v>
          </cell>
          <cell r="G86" t="str">
            <v>424-0944</v>
          </cell>
          <cell r="H86" t="str">
            <v>静岡市清水区築地町7-32 鈴与湾岸ｾﾝﾀｰ</v>
          </cell>
          <cell r="I86" t="str">
            <v>0543-54-3241</v>
          </cell>
          <cell r="J86" t="str">
            <v>52-0087</v>
          </cell>
        </row>
        <row r="87">
          <cell r="A87">
            <v>86</v>
          </cell>
          <cell r="B87" t="str">
            <v>鈴与㈱</v>
          </cell>
          <cell r="C87" t="str">
            <v>鈴与㈱</v>
          </cell>
          <cell r="D87" t="str">
            <v>総務部　安全衛生チーム</v>
          </cell>
          <cell r="E87" t="str">
            <v/>
          </cell>
          <cell r="F87" t="str">
            <v>片山　伴美</v>
          </cell>
          <cell r="G87" t="str">
            <v>424-8703</v>
          </cell>
          <cell r="H87" t="str">
            <v>静岡市清水区入船町１１－１</v>
          </cell>
          <cell r="I87" t="str">
            <v>0543-54-3066</v>
          </cell>
          <cell r="J87" t="str">
            <v>0543-54-3008</v>
          </cell>
        </row>
        <row r="88">
          <cell r="A88">
            <v>87</v>
          </cell>
          <cell r="B88" t="str">
            <v>ＡＳＴＩ㈱</v>
          </cell>
          <cell r="C88" t="str">
            <v>ＡＳＴＩ㈱</v>
          </cell>
          <cell r="D88" t="str">
            <v>生産管理部５Ｓ事務局</v>
          </cell>
          <cell r="E88" t="str">
            <v>432-8056</v>
          </cell>
          <cell r="F88" t="str">
            <v>中村　文志</v>
          </cell>
          <cell r="G88" t="str">
            <v>432-8056</v>
          </cell>
          <cell r="H88" t="str">
            <v>浜松市南区米津町2804</v>
          </cell>
          <cell r="I88" t="str">
            <v>053-444-5111</v>
          </cell>
        </row>
        <row r="89">
          <cell r="A89">
            <v>88</v>
          </cell>
          <cell r="B89" t="str">
            <v>アスモ㈱</v>
          </cell>
          <cell r="C89" t="str">
            <v>アスモ㈱</v>
          </cell>
          <cell r="D89" t="str">
            <v>品質保証部　品質企画室</v>
          </cell>
          <cell r="E89" t="str">
            <v>担当</v>
          </cell>
          <cell r="F89" t="str">
            <v>大内　千代実</v>
          </cell>
          <cell r="G89" t="str">
            <v>431-0493</v>
          </cell>
          <cell r="H89" t="str">
            <v>湖西市梅田３９０番地</v>
          </cell>
          <cell r="I89" t="str">
            <v>053-577-3356</v>
          </cell>
          <cell r="J89" t="str">
            <v>577-3161</v>
          </cell>
        </row>
        <row r="90">
          <cell r="A90">
            <v>89</v>
          </cell>
          <cell r="B90" t="str">
            <v>アポロ電気㈱</v>
          </cell>
          <cell r="C90" t="str">
            <v>アポロ電気㈱</v>
          </cell>
          <cell r="D90" t="str">
            <v>購買部</v>
          </cell>
          <cell r="E90" t="str">
            <v>438-0004</v>
          </cell>
          <cell r="F90" t="str">
            <v>神谷　真市</v>
          </cell>
          <cell r="G90" t="str">
            <v>438-0004</v>
          </cell>
          <cell r="H90" t="str">
            <v>磐田市匂坂中1600-11</v>
          </cell>
          <cell r="I90" t="str">
            <v>0538-38-3364</v>
          </cell>
          <cell r="J90" t="str">
            <v>0538-38-3362</v>
          </cell>
        </row>
        <row r="91">
          <cell r="A91">
            <v>90</v>
          </cell>
          <cell r="B91" t="str">
            <v>㈱ショーワ　浅羽工場</v>
          </cell>
          <cell r="C91" t="str">
            <v>㈱ショーワ　浅羽工場</v>
          </cell>
          <cell r="D91" t="str">
            <v>管理課</v>
          </cell>
          <cell r="E91" t="str">
            <v>主任</v>
          </cell>
          <cell r="F91" t="str">
            <v>寺井　正治</v>
          </cell>
          <cell r="G91" t="str">
            <v>437-1194</v>
          </cell>
          <cell r="H91" t="str">
            <v>袋井市松原２６０１</v>
          </cell>
          <cell r="I91" t="str">
            <v>0538-23-2185</v>
          </cell>
          <cell r="J91" t="str">
            <v>23-6272</v>
          </cell>
        </row>
        <row r="92">
          <cell r="A92">
            <v>91</v>
          </cell>
          <cell r="B92" t="str">
            <v>㈱スズキ部品浜松</v>
          </cell>
          <cell r="C92" t="str">
            <v>㈱スズキ部品浜松</v>
          </cell>
          <cell r="D92" t="str">
            <v>管理グループ</v>
          </cell>
          <cell r="E92" t="str">
            <v>部長</v>
          </cell>
          <cell r="F92" t="str">
            <v>長田　幸三</v>
          </cell>
          <cell r="G92" t="str">
            <v>438-0221</v>
          </cell>
          <cell r="H92" t="str">
            <v>磐田市南平松７－３</v>
          </cell>
          <cell r="I92" t="str">
            <v>0538-66-8000</v>
          </cell>
          <cell r="J92" t="str">
            <v>66-8010</v>
          </cell>
        </row>
        <row r="93">
          <cell r="A93">
            <v>92</v>
          </cell>
          <cell r="B93" t="str">
            <v>㈱三宝化学研究所　静岡工場</v>
          </cell>
          <cell r="C93" t="str">
            <v>㈱三宝化学研究所　静岡工場</v>
          </cell>
          <cell r="D93" t="str">
            <v>品質保証課</v>
          </cell>
          <cell r="E93" t="str">
            <v>437-1213</v>
          </cell>
          <cell r="F93" t="str">
            <v>豊崎　敏行</v>
          </cell>
          <cell r="G93" t="str">
            <v>437-1213</v>
          </cell>
          <cell r="H93" t="str">
            <v>磐田市塩新田字荒浜５８２－１４</v>
          </cell>
          <cell r="I93" t="str">
            <v>0538-55-5221</v>
          </cell>
        </row>
        <row r="94">
          <cell r="A94">
            <v>93</v>
          </cell>
          <cell r="B94" t="str">
            <v>古澤ゴム工業㈱</v>
          </cell>
          <cell r="C94" t="str">
            <v>古澤ゴム工業㈱</v>
          </cell>
          <cell r="D94" t="str">
            <v>営業課</v>
          </cell>
          <cell r="E94" t="str">
            <v>438-0811</v>
          </cell>
          <cell r="F94" t="str">
            <v>平塚　聡</v>
          </cell>
          <cell r="G94" t="str">
            <v>438-0811</v>
          </cell>
          <cell r="H94" t="str">
            <v>磐田市一言1655</v>
          </cell>
          <cell r="I94" t="str">
            <v>0538-32-7215</v>
          </cell>
        </row>
        <row r="95">
          <cell r="A95">
            <v>94</v>
          </cell>
          <cell r="B95" t="str">
            <v>三恵㈱</v>
          </cell>
          <cell r="C95" t="str">
            <v>三恵㈱</v>
          </cell>
          <cell r="D95" t="str">
            <v>管理部</v>
          </cell>
          <cell r="E95" t="str">
            <v>438-0221</v>
          </cell>
          <cell r="F95" t="str">
            <v>樋口　健之輔</v>
          </cell>
          <cell r="G95" t="str">
            <v>438-0221</v>
          </cell>
          <cell r="H95" t="str">
            <v>磐田市西平松２２６１</v>
          </cell>
          <cell r="I95" t="str">
            <v>0538-67-1181</v>
          </cell>
          <cell r="J95" t="str">
            <v>67-1980</v>
          </cell>
        </row>
        <row r="96">
          <cell r="A96">
            <v>95</v>
          </cell>
          <cell r="B96" t="str">
            <v>児玉化学工業㈱</v>
          </cell>
          <cell r="C96" t="str">
            <v>児玉化学工業㈱</v>
          </cell>
          <cell r="D96" t="str">
            <v>梅原 圭太</v>
          </cell>
          <cell r="E96" t="str">
            <v>工場長</v>
          </cell>
          <cell r="F96" t="str">
            <v>梅原 圭太</v>
          </cell>
          <cell r="G96" t="str">
            <v>437-0012</v>
          </cell>
          <cell r="H96" t="str">
            <v>袋井市国本270-6</v>
          </cell>
          <cell r="I96" t="str">
            <v>0538-43-3261</v>
          </cell>
        </row>
        <row r="97">
          <cell r="A97">
            <v>96</v>
          </cell>
          <cell r="B97" t="str">
            <v>静岡王子ｺﾝﾃﾅｰ㈱　本社工場</v>
          </cell>
          <cell r="C97" t="str">
            <v>静岡王子ｺﾝﾃﾅｰ㈱　本社工場</v>
          </cell>
          <cell r="D97" t="str">
            <v>製造部</v>
          </cell>
          <cell r="E97" t="str">
            <v>438-8555</v>
          </cell>
          <cell r="F97" t="str">
            <v>西尾　亨久</v>
          </cell>
          <cell r="G97" t="str">
            <v>438-8555</v>
          </cell>
          <cell r="H97" t="str">
            <v>磐田市豊田800</v>
          </cell>
          <cell r="I97" t="str">
            <v>0538-43-3261</v>
          </cell>
        </row>
        <row r="98">
          <cell r="A98">
            <v>97</v>
          </cell>
          <cell r="B98" t="str">
            <v>東海精機㈱</v>
          </cell>
          <cell r="C98" t="str">
            <v>東海精機㈱</v>
          </cell>
          <cell r="D98" t="str">
            <v>総務G</v>
          </cell>
          <cell r="E98" t="str">
            <v>主担当員</v>
          </cell>
          <cell r="F98" t="str">
            <v>梅谷　好昭</v>
          </cell>
          <cell r="G98" t="str">
            <v>438-0078</v>
          </cell>
          <cell r="H98" t="str">
            <v>磐田市中泉２８３０</v>
          </cell>
          <cell r="I98" t="str">
            <v>0538-32-2126</v>
          </cell>
          <cell r="J98" t="str">
            <v>0538-35-2164</v>
          </cell>
        </row>
        <row r="99">
          <cell r="A99">
            <v>98</v>
          </cell>
          <cell r="B99" t="str">
            <v>日本たばこ産業㈱　東海工場</v>
          </cell>
          <cell r="C99" t="str">
            <v>日本たばこ産業㈱　東海工場</v>
          </cell>
          <cell r="D99" t="str">
            <v>業務担当</v>
          </cell>
          <cell r="E99" t="str">
            <v>課　長</v>
          </cell>
          <cell r="F99" t="str">
            <v>山田　高志</v>
          </cell>
          <cell r="G99" t="str">
            <v>438-0041</v>
          </cell>
          <cell r="H99" t="str">
            <v>磐田市西之島７８－３</v>
          </cell>
          <cell r="I99" t="str">
            <v>0538-32-6137</v>
          </cell>
          <cell r="J99" t="str">
            <v>32-8427</v>
          </cell>
        </row>
        <row r="100">
          <cell r="A100">
            <v>99</v>
          </cell>
          <cell r="B100" t="str">
            <v>浜松ホトニクス㈱豊岡製作所</v>
          </cell>
          <cell r="C100" t="str">
            <v>浜松ホトニクス㈱豊岡製作所</v>
          </cell>
          <cell r="D100" t="str">
            <v>電子管　総務部</v>
          </cell>
          <cell r="E100" t="str">
            <v>主任部員</v>
          </cell>
          <cell r="F100" t="str">
            <v>鈴木　孝典</v>
          </cell>
          <cell r="G100" t="str">
            <v>438-0193</v>
          </cell>
          <cell r="H100" t="str">
            <v>磐田市下神増３１４－５</v>
          </cell>
          <cell r="I100" t="str">
            <v>0539-62-3151</v>
          </cell>
          <cell r="J100" t="str">
            <v>62-5351</v>
          </cell>
        </row>
        <row r="101">
          <cell r="A101">
            <v>100</v>
          </cell>
          <cell r="B101" t="str">
            <v>㈲アピネス　豊橋工場</v>
          </cell>
          <cell r="C101" t="str">
            <v>㈲アピネス　豊橋工場</v>
          </cell>
          <cell r="D101" t="str">
            <v>難波　浩三</v>
          </cell>
          <cell r="E101" t="str">
            <v>工場長</v>
          </cell>
          <cell r="F101" t="str">
            <v>難波　浩三</v>
          </cell>
          <cell r="G101" t="str">
            <v>441-8077</v>
          </cell>
          <cell r="H101" t="str">
            <v>愛知県豊橋市神野新田町字口ノ割</v>
          </cell>
          <cell r="I101" t="str">
            <v>0532-33-1122</v>
          </cell>
          <cell r="J101" t="str">
            <v>33-1123</v>
          </cell>
        </row>
        <row r="102">
          <cell r="A102">
            <v>101</v>
          </cell>
          <cell r="B102" t="str">
            <v>㈲アピネス　豊川工場</v>
          </cell>
          <cell r="C102" t="str">
            <v>㈲アピネス　豊川工場</v>
          </cell>
          <cell r="D102" t="str">
            <v>難波　浩三</v>
          </cell>
          <cell r="E102" t="str">
            <v>工場長</v>
          </cell>
          <cell r="F102" t="str">
            <v>難波　浩三</v>
          </cell>
          <cell r="G102" t="str">
            <v>442-0019</v>
          </cell>
          <cell r="H102" t="str">
            <v>愛知県豊川市東名町1丁目138番地</v>
          </cell>
          <cell r="I102" t="str">
            <v>0533-85-7121</v>
          </cell>
        </row>
        <row r="103">
          <cell r="A103">
            <v>102</v>
          </cell>
          <cell r="B103" t="str">
            <v>和興産業㈱　静岡第一工場</v>
          </cell>
          <cell r="C103" t="str">
            <v>和興産業㈱　静岡第一工場</v>
          </cell>
          <cell r="D103" t="str">
            <v>総務課</v>
          </cell>
          <cell r="E103" t="str">
            <v>課　長</v>
          </cell>
          <cell r="F103" t="str">
            <v>小島　正明</v>
          </cell>
          <cell r="G103" t="str">
            <v>437-1503</v>
          </cell>
          <cell r="H103" t="str">
            <v>菊川市川上１４６０－２</v>
          </cell>
          <cell r="I103" t="str">
            <v>0537-73-6500</v>
          </cell>
          <cell r="J103" t="str">
            <v>73-6517</v>
          </cell>
        </row>
        <row r="104">
          <cell r="A104">
            <v>103</v>
          </cell>
          <cell r="B104" t="str">
            <v>和興産業㈱　静岡第二工場</v>
          </cell>
          <cell r="C104" t="str">
            <v>和興産業㈱　静岡第二工場</v>
          </cell>
          <cell r="D104" t="str">
            <v>管理課</v>
          </cell>
          <cell r="E104" t="str">
            <v/>
          </cell>
          <cell r="F104" t="str">
            <v>川田津与志</v>
          </cell>
          <cell r="G104" t="str">
            <v>437-1502</v>
          </cell>
          <cell r="H104" t="str">
            <v>菊川市古谷563-1</v>
          </cell>
          <cell r="I104" t="str">
            <v>0538-39-3915</v>
          </cell>
          <cell r="J104" t="str">
            <v>23-5758</v>
          </cell>
        </row>
        <row r="105">
          <cell r="A105">
            <v>104</v>
          </cell>
          <cell r="B105" t="str">
            <v>翔運輸㈱</v>
          </cell>
          <cell r="C105" t="str">
            <v>翔運輸㈱</v>
          </cell>
          <cell r="D105" t="str">
            <v>総務部ＴＱＭ</v>
          </cell>
          <cell r="E105" t="str">
            <v>438-0233</v>
          </cell>
          <cell r="F105" t="str">
            <v>松山　真浩</v>
          </cell>
          <cell r="G105" t="str">
            <v>438-0233</v>
          </cell>
          <cell r="H105" t="str">
            <v>磐田市駒場7110</v>
          </cell>
          <cell r="I105" t="str">
            <v>0538-59-3271</v>
          </cell>
          <cell r="J105" t="str">
            <v>59-3278</v>
          </cell>
        </row>
        <row r="106">
          <cell r="A106">
            <v>105</v>
          </cell>
          <cell r="B106" t="str">
            <v>㈱浅野</v>
          </cell>
          <cell r="C106" t="str">
            <v>㈱浅野</v>
          </cell>
          <cell r="D106" t="str">
            <v>営業部</v>
          </cell>
          <cell r="E106" t="str">
            <v>439-0037</v>
          </cell>
          <cell r="F106" t="str">
            <v>池本　浩</v>
          </cell>
          <cell r="G106" t="str">
            <v>439-0037</v>
          </cell>
          <cell r="H106" t="str">
            <v>菊川市西方151-1</v>
          </cell>
          <cell r="I106" t="str">
            <v>0537-35-6565</v>
          </cell>
          <cell r="J106" t="str">
            <v>0537-35-6566</v>
          </cell>
        </row>
        <row r="107">
          <cell r="A107">
            <v>106</v>
          </cell>
          <cell r="B107" t="str">
            <v>NSKワーナー㈱</v>
          </cell>
          <cell r="C107" t="str">
            <v>NSKワーナー㈱</v>
          </cell>
          <cell r="D107" t="str">
            <v>総務人事グループ</v>
          </cell>
          <cell r="E107" t="str">
            <v/>
          </cell>
          <cell r="F107" t="str">
            <v>塚原　隆弘</v>
          </cell>
          <cell r="G107" t="str">
            <v>437-8545</v>
          </cell>
          <cell r="H107" t="str">
            <v>袋井市愛野２３４５</v>
          </cell>
          <cell r="I107" t="str">
            <v>0538-43-1121</v>
          </cell>
          <cell r="J107" t="str">
            <v>43-1595</v>
          </cell>
        </row>
        <row r="108">
          <cell r="A108">
            <v>107</v>
          </cell>
          <cell r="B108" t="str">
            <v>TGロジスティクス㈱　森町営業所</v>
          </cell>
          <cell r="C108" t="str">
            <v>TGロジスティクス㈱　森町営業所</v>
          </cell>
          <cell r="D108" t="str">
            <v>製品物流部　森町製品課</v>
          </cell>
          <cell r="E108" t="str">
            <v/>
          </cell>
          <cell r="F108" t="str">
            <v>石野　訓信</v>
          </cell>
          <cell r="G108" t="str">
            <v>437-0213</v>
          </cell>
          <cell r="H108" t="str">
            <v>静岡県周智郡森町睦実１３１０－１２８</v>
          </cell>
          <cell r="I108" t="str">
            <v>053-885-2215</v>
          </cell>
          <cell r="J108" t="str">
            <v>0538-85-2215</v>
          </cell>
        </row>
        <row r="109">
          <cell r="A109">
            <v>108</v>
          </cell>
          <cell r="B109" t="str">
            <v>コーニングジャパン㈱ 静岡工場</v>
          </cell>
          <cell r="C109" t="str">
            <v>コーニングジャパン㈱ 静岡工場</v>
          </cell>
          <cell r="D109" t="str">
            <v>製造本部　改善事務局</v>
          </cell>
          <cell r="E109" t="str">
            <v>437-1397</v>
          </cell>
          <cell r="F109" t="str">
            <v>岡本　俊雄</v>
          </cell>
          <cell r="G109" t="str">
            <v>437-1397</v>
          </cell>
          <cell r="H109" t="str">
            <v>掛川市大渕12117</v>
          </cell>
          <cell r="I109" t="str">
            <v>0537-48-5782</v>
          </cell>
          <cell r="J109" t="str">
            <v>0537-48-5760</v>
          </cell>
        </row>
        <row r="110">
          <cell r="A110">
            <v>109</v>
          </cell>
          <cell r="B110" t="str">
            <v>コニカミノルタケミカル㈱　静岡事業所</v>
          </cell>
          <cell r="C110" t="str">
            <v>コニカミノルタケミカル㈱　静岡事業所</v>
          </cell>
          <cell r="D110" t="str">
            <v>総務グループ</v>
          </cell>
          <cell r="E110" t="str">
            <v>437-1112</v>
          </cell>
          <cell r="F110" t="str">
            <v>斎田　敏幸</v>
          </cell>
          <cell r="G110" t="str">
            <v>437-1112</v>
          </cell>
          <cell r="H110" t="str">
            <v>袋井市大野6909-9</v>
          </cell>
          <cell r="I110" t="str">
            <v>0538-23-6777</v>
          </cell>
          <cell r="J110" t="str">
            <v>23-6131</v>
          </cell>
        </row>
        <row r="111">
          <cell r="A111">
            <v>110</v>
          </cell>
          <cell r="B111" t="str">
            <v>ニチアス㈱　袋井工場</v>
          </cell>
          <cell r="C111" t="str">
            <v>ニチアス㈱　袋井工場</v>
          </cell>
          <cell r="D111" t="str">
            <v>品質管理課</v>
          </cell>
          <cell r="E111" t="str">
            <v/>
          </cell>
          <cell r="F111" t="str">
            <v>田口　博一</v>
          </cell>
          <cell r="G111" t="str">
            <v>437-0023</v>
          </cell>
          <cell r="H111" t="str">
            <v>袋井市高尾１９８０</v>
          </cell>
          <cell r="I111" t="str">
            <v>0538-43-2163</v>
          </cell>
          <cell r="J111" t="str">
            <v>43-3549</v>
          </cell>
        </row>
        <row r="112">
          <cell r="A112">
            <v>111</v>
          </cell>
          <cell r="B112" t="str">
            <v>㈱キャタラー</v>
          </cell>
          <cell r="C112" t="str">
            <v>㈱キャタラー</v>
          </cell>
          <cell r="D112" t="str">
            <v>品質管理部</v>
          </cell>
          <cell r="E112" t="str">
            <v>ＱＣ担当</v>
          </cell>
          <cell r="F112" t="str">
            <v>春田　隆子</v>
          </cell>
          <cell r="G112" t="str">
            <v>437-1492</v>
          </cell>
          <cell r="H112" t="str">
            <v>掛川市千浜７８００</v>
          </cell>
          <cell r="I112" t="str">
            <v>0537-72-6762</v>
          </cell>
          <cell r="J112" t="str">
            <v>72-5647</v>
          </cell>
        </row>
        <row r="113">
          <cell r="A113">
            <v>112</v>
          </cell>
          <cell r="B113" t="str">
            <v>㈱常光　菊川工場</v>
          </cell>
          <cell r="C113" t="str">
            <v>㈱常光　菊川工場</v>
          </cell>
          <cell r="D113" t="str">
            <v>機器製造部</v>
          </cell>
          <cell r="E113" t="str">
            <v>439-0037</v>
          </cell>
          <cell r="F113" t="str">
            <v>姫野　秀一</v>
          </cell>
          <cell r="G113" t="str">
            <v>439-0037</v>
          </cell>
          <cell r="H113" t="str">
            <v>菊川市西方154</v>
          </cell>
          <cell r="I113" t="str">
            <v>0537-36-1577</v>
          </cell>
        </row>
        <row r="114">
          <cell r="A114">
            <v>113</v>
          </cell>
          <cell r="B114" t="str">
            <v>丸啓鰹節㈱</v>
          </cell>
          <cell r="C114" t="str">
            <v>丸啓鰹節㈱</v>
          </cell>
          <cell r="D114" t="str">
            <v>営業部</v>
          </cell>
          <cell r="E114" t="str">
            <v>421-0602</v>
          </cell>
          <cell r="F114" t="str">
            <v>植田　一道</v>
          </cell>
          <cell r="G114" t="str">
            <v>421-0602</v>
          </cell>
          <cell r="H114" t="str">
            <v>御前崎市白羽5808</v>
          </cell>
          <cell r="I114" t="str">
            <v>0548-63-2403</v>
          </cell>
        </row>
        <row r="115">
          <cell r="A115">
            <v>114</v>
          </cell>
          <cell r="B115" t="str">
            <v>静岡製機㈱　</v>
          </cell>
          <cell r="C115" t="str">
            <v>静岡製機㈱　</v>
          </cell>
          <cell r="D115" t="str">
            <v>ＣＳ推進室</v>
          </cell>
          <cell r="E115" t="str">
            <v/>
          </cell>
          <cell r="F115" t="str">
            <v>堀　展輝</v>
          </cell>
          <cell r="G115" t="str">
            <v>437-0042</v>
          </cell>
          <cell r="H115" t="str">
            <v>袋井市山名町4-1</v>
          </cell>
          <cell r="I115" t="str">
            <v>0538-42-3103</v>
          </cell>
          <cell r="J115" t="str">
            <v>45-0316</v>
          </cell>
        </row>
        <row r="116">
          <cell r="A116">
            <v>115</v>
          </cell>
          <cell r="B116" t="str">
            <v>東罐興業（株）</v>
          </cell>
          <cell r="C116" t="str">
            <v>東罐興業（株）</v>
          </cell>
          <cell r="D116" t="str">
            <v>品質保証部</v>
          </cell>
          <cell r="E116" t="str">
            <v>437-1412</v>
          </cell>
          <cell r="F116" t="str">
            <v>奥井　敏裕</v>
          </cell>
          <cell r="G116" t="str">
            <v>437-1412</v>
          </cell>
          <cell r="H116" t="str">
            <v>掛川市千浜１９０１－１</v>
          </cell>
          <cell r="I116" t="str">
            <v>0537-72-6111</v>
          </cell>
        </row>
        <row r="117">
          <cell r="A117">
            <v>116</v>
          </cell>
          <cell r="B117" t="str">
            <v>日機装㈱　静岡製作所</v>
          </cell>
          <cell r="C117" t="str">
            <v>日機装㈱　静岡製作所</v>
          </cell>
          <cell r="D117" t="str">
            <v>ＴＱＭ環境推進室</v>
          </cell>
          <cell r="E117" t="str">
            <v>室　長</v>
          </cell>
          <cell r="F117" t="str">
            <v>栗林　弘行</v>
          </cell>
          <cell r="G117" t="str">
            <v>421-0496</v>
          </cell>
          <cell r="H117" t="str">
            <v>牧之原市静谷498-1</v>
          </cell>
          <cell r="I117" t="str">
            <v>0548-22-6391</v>
          </cell>
          <cell r="J117" t="str">
            <v>22-5886</v>
          </cell>
        </row>
        <row r="118">
          <cell r="A118">
            <v>117</v>
          </cell>
          <cell r="B118" t="str">
            <v>日本ジーリング㈱　静岡工場</v>
          </cell>
          <cell r="C118" t="str">
            <v>日本ジーリング㈱　静岡工場</v>
          </cell>
          <cell r="D118" t="str">
            <v>製造部　加工課</v>
          </cell>
          <cell r="E118" t="str">
            <v>437-0054</v>
          </cell>
          <cell r="F118" t="str">
            <v>竹下　康次</v>
          </cell>
          <cell r="G118" t="str">
            <v>437-0054</v>
          </cell>
          <cell r="H118" t="str">
            <v>袋井市徳光285-1</v>
          </cell>
          <cell r="I118" t="str">
            <v>0538-42-0180</v>
          </cell>
          <cell r="J118" t="str">
            <v>42-0737</v>
          </cell>
        </row>
        <row r="119">
          <cell r="A119">
            <v>118</v>
          </cell>
          <cell r="B119" t="str">
            <v>浜名梱包輸送㈱</v>
          </cell>
          <cell r="C119" t="str">
            <v>浜名梱包輸送㈱</v>
          </cell>
          <cell r="D119" t="str">
            <v>製造部</v>
          </cell>
          <cell r="E119" t="str">
            <v>437-0213</v>
          </cell>
          <cell r="F119" t="str">
            <v>澤口　勝也</v>
          </cell>
          <cell r="G119" t="str">
            <v>437-0213</v>
          </cell>
          <cell r="H119" t="str">
            <v>静岡県周智郡森町睦実１４１４</v>
          </cell>
          <cell r="I119" t="str">
            <v>0538-85-0240</v>
          </cell>
          <cell r="J119" t="str">
            <v>0538-84-4151</v>
          </cell>
        </row>
        <row r="120">
          <cell r="A120">
            <v>119</v>
          </cell>
          <cell r="B120" t="str">
            <v>豊田合成㈱　森町工場</v>
          </cell>
          <cell r="C120" t="str">
            <v>豊田合成㈱　森町工場</v>
          </cell>
          <cell r="D120" t="str">
            <v>ﾎﾞﾃﾞｨｰｼｰﾘﾝｸﾞ事業部　企画部　企画室</v>
          </cell>
          <cell r="E120" t="str">
            <v>437-0213</v>
          </cell>
          <cell r="F120" t="str">
            <v>福井　敏泰</v>
          </cell>
          <cell r="G120" t="str">
            <v>437-0213</v>
          </cell>
          <cell r="H120" t="str">
            <v>静岡県周智郡森町睦実１３１０－１２８</v>
          </cell>
          <cell r="I120" t="str">
            <v>0538-85-2165</v>
          </cell>
          <cell r="J120" t="str">
            <v>85-0772</v>
          </cell>
        </row>
        <row r="121">
          <cell r="A121">
            <v>120</v>
          </cell>
          <cell r="B121" t="str">
            <v>矢崎部品㈱　榛原工場</v>
          </cell>
          <cell r="C121" t="str">
            <v>矢崎部品㈱　榛原工場</v>
          </cell>
          <cell r="D121" t="str">
            <v>NYS推進事務局</v>
          </cell>
          <cell r="E121" t="str">
            <v>課長格</v>
          </cell>
          <cell r="F121" t="str">
            <v>落合　隆夫</v>
          </cell>
          <cell r="G121" t="str">
            <v>421-0407</v>
          </cell>
          <cell r="H121" t="str">
            <v>牧之原市布引原２０６－１</v>
          </cell>
          <cell r="I121" t="str">
            <v>0548-27-2141</v>
          </cell>
          <cell r="J121" t="str">
            <v>27-3314</v>
          </cell>
        </row>
        <row r="122">
          <cell r="A122">
            <v>121</v>
          </cell>
          <cell r="B122" t="str">
            <v>矢崎部品㈱ 大東工場</v>
          </cell>
          <cell r="C122" t="str">
            <v>矢崎部品㈱ 大東工場</v>
          </cell>
          <cell r="D122" t="str">
            <v>品質管理チーム</v>
          </cell>
          <cell r="E122" t="str">
            <v>437-1421</v>
          </cell>
          <cell r="F122" t="str">
            <v>伊藤　学</v>
          </cell>
          <cell r="G122" t="str">
            <v>437-1421</v>
          </cell>
          <cell r="H122" t="str">
            <v>掛川市大坂６５３－２</v>
          </cell>
          <cell r="I122" t="str">
            <v>0537-72-5712</v>
          </cell>
          <cell r="J122" t="str">
            <v>72-5585</v>
          </cell>
        </row>
        <row r="123">
          <cell r="A123">
            <v>122</v>
          </cell>
          <cell r="B123" t="str">
            <v>矢崎部品㈱　大浜工場</v>
          </cell>
          <cell r="C123" t="str">
            <v>矢崎部品㈱　大浜工場</v>
          </cell>
          <cell r="D123" t="str">
            <v>ＮＹＳ推進事務局　改善推進チーム</v>
          </cell>
          <cell r="E123" t="str">
            <v>437-1494</v>
          </cell>
          <cell r="F123" t="str">
            <v>松下　弥生</v>
          </cell>
          <cell r="G123" t="str">
            <v>437-1494</v>
          </cell>
          <cell r="H123" t="str">
            <v>掛川市国包１３６０</v>
          </cell>
          <cell r="I123" t="str">
            <v>0537-72-2110</v>
          </cell>
          <cell r="J123" t="str">
            <v>72-5203</v>
          </cell>
        </row>
        <row r="124">
          <cell r="A124">
            <v>123</v>
          </cell>
          <cell r="B124" t="str">
            <v>ＮＴＮ㈱　磐田製作所</v>
          </cell>
          <cell r="C124" t="str">
            <v>ＮＴＮ㈱　磐田製作所</v>
          </cell>
          <cell r="D124" t="str">
            <v>もの造りセンター　企画推進課</v>
          </cell>
          <cell r="E124" t="str">
            <v>438-8510</v>
          </cell>
          <cell r="F124" t="str">
            <v>和田　京子</v>
          </cell>
          <cell r="G124" t="str">
            <v>438-8510</v>
          </cell>
          <cell r="H124" t="str">
            <v>磐田市東貝塚１５７８</v>
          </cell>
          <cell r="I124" t="str">
            <v>0538-37-8190</v>
          </cell>
          <cell r="J124" t="str">
            <v>37-8529</v>
          </cell>
        </row>
        <row r="125">
          <cell r="A125">
            <v>124</v>
          </cell>
          <cell r="B125" t="str">
            <v>アストム㈱</v>
          </cell>
          <cell r="C125" t="str">
            <v>アストム㈱</v>
          </cell>
          <cell r="D125" t="str">
            <v>品質保証課</v>
          </cell>
          <cell r="E125" t="str">
            <v>主任</v>
          </cell>
          <cell r="F125" t="str">
            <v>百鬼　典子</v>
          </cell>
          <cell r="G125" t="str">
            <v>438-0233</v>
          </cell>
          <cell r="H125" t="str">
            <v>磐田市駒場７０６０</v>
          </cell>
          <cell r="I125" t="str">
            <v>0538-66-8725</v>
          </cell>
        </row>
        <row r="126">
          <cell r="A126">
            <v>125</v>
          </cell>
          <cell r="B126" t="str">
            <v>日東工業㈱　菊川工場</v>
          </cell>
          <cell r="C126" t="str">
            <v>日東工業㈱　菊川工場</v>
          </cell>
          <cell r="D126" t="str">
            <v>品質管理課</v>
          </cell>
          <cell r="E126" t="str">
            <v>課長</v>
          </cell>
          <cell r="F126" t="str">
            <v>若杉　　恵</v>
          </cell>
          <cell r="G126" t="str">
            <v>439-0037</v>
          </cell>
          <cell r="H126" t="str">
            <v>菊川市西方３</v>
          </cell>
          <cell r="I126" t="str">
            <v>0537-35-3699</v>
          </cell>
          <cell r="J126" t="str">
            <v>36-4120</v>
          </cell>
        </row>
        <row r="127">
          <cell r="A127">
            <v>126</v>
          </cell>
          <cell r="B127" t="str">
            <v>ポーラ化成工業（株）袋井工場</v>
          </cell>
          <cell r="C127" t="str">
            <v>ポーラ化成工業（株）袋井工場</v>
          </cell>
          <cell r="D127" t="str">
            <v>総務課</v>
          </cell>
          <cell r="E127" t="str">
            <v/>
          </cell>
          <cell r="F127" t="str">
            <v>八木　孝子</v>
          </cell>
          <cell r="G127" t="str">
            <v>437-8765</v>
          </cell>
          <cell r="H127" t="str">
            <v>袋井市愛野１２３４</v>
          </cell>
          <cell r="I127" t="str">
            <v>0538-42-7112</v>
          </cell>
          <cell r="J127" t="str">
            <v>43-2218</v>
          </cell>
        </row>
        <row r="128">
          <cell r="A128">
            <v>127</v>
          </cell>
          <cell r="B128" t="str">
            <v>㈱榛葉鉄工所</v>
          </cell>
          <cell r="C128" t="str">
            <v>㈱榛葉鉄工所</v>
          </cell>
          <cell r="D128" t="str">
            <v>榛葉　貴博</v>
          </cell>
          <cell r="E128" t="str">
            <v>取締役</v>
          </cell>
          <cell r="F128" t="str">
            <v>榛葉　貴博</v>
          </cell>
          <cell r="G128" t="str">
            <v>436-0006</v>
          </cell>
          <cell r="H128" t="str">
            <v>掛川市本所650</v>
          </cell>
          <cell r="I128" t="str">
            <v>0537-27-0721</v>
          </cell>
          <cell r="J128" t="str">
            <v>27-1360</v>
          </cell>
        </row>
        <row r="129">
          <cell r="A129">
            <v>128</v>
          </cell>
          <cell r="B129" t="str">
            <v>中山　文子</v>
          </cell>
          <cell r="C129" t="str">
            <v>431-0403</v>
          </cell>
          <cell r="D129" t="str">
            <v>湖西市大知波333-98</v>
          </cell>
          <cell r="E129" t="str">
            <v>0535-78-1422</v>
          </cell>
          <cell r="F129" t="str">
            <v>中山　文子</v>
          </cell>
          <cell r="G129" t="str">
            <v>431-0403</v>
          </cell>
          <cell r="H129" t="str">
            <v>湖西市大知波333-98</v>
          </cell>
          <cell r="I129" t="str">
            <v>0535-78-1422</v>
          </cell>
        </row>
        <row r="130">
          <cell r="A130">
            <v>129</v>
          </cell>
          <cell r="B130" t="str">
            <v>㈲サーブ</v>
          </cell>
          <cell r="C130" t="str">
            <v>㈲サーブ</v>
          </cell>
          <cell r="D130" t="str">
            <v>斉藤　不二雄</v>
          </cell>
          <cell r="E130" t="str">
            <v>工場長</v>
          </cell>
          <cell r="F130" t="str">
            <v>斉藤　不二雄</v>
          </cell>
          <cell r="G130" t="str">
            <v>431-0425</v>
          </cell>
          <cell r="H130" t="str">
            <v>湖西市梅田390</v>
          </cell>
          <cell r="I130" t="str">
            <v>053-577-2626</v>
          </cell>
        </row>
        <row r="131">
          <cell r="A131">
            <v>130</v>
          </cell>
          <cell r="B131" t="str">
            <v>Continental Teves（日清紡浜北精機工場内）</v>
          </cell>
          <cell r="C131" t="str">
            <v>Continental Teves（日清紡浜北精機工場内）</v>
          </cell>
          <cell r="D131" t="str">
            <v>製造課</v>
          </cell>
          <cell r="E131" t="str">
            <v>434-0012</v>
          </cell>
          <cell r="F131" t="str">
            <v>森　邦明</v>
          </cell>
          <cell r="G131" t="str">
            <v>434-0012</v>
          </cell>
          <cell r="H131" t="str">
            <v>浜松市浜北区中瀬８０００</v>
          </cell>
          <cell r="I131" t="str">
            <v>053-588-3372</v>
          </cell>
          <cell r="J131" t="str">
            <v>588-5110</v>
          </cell>
        </row>
        <row r="132">
          <cell r="A132">
            <v>131</v>
          </cell>
          <cell r="B132" t="str">
            <v>アマノ株式会社　細江事業所</v>
          </cell>
          <cell r="C132" t="str">
            <v>アマノ株式会社　細江事業所</v>
          </cell>
          <cell r="D132" t="str">
            <v>総務部</v>
          </cell>
          <cell r="E132" t="str">
            <v>431-1305</v>
          </cell>
          <cell r="F132" t="str">
            <v>本田　泰菜</v>
          </cell>
          <cell r="G132" t="str">
            <v>431-1305</v>
          </cell>
          <cell r="H132" t="str">
            <v>浜松市北区細江町気賀8123番地</v>
          </cell>
          <cell r="I132" t="str">
            <v>053-522-0951</v>
          </cell>
          <cell r="J132" t="str">
            <v>053-527-0002</v>
          </cell>
        </row>
        <row r="133">
          <cell r="A133">
            <v>132</v>
          </cell>
          <cell r="B133" t="str">
            <v>スズキ（株）研修センター</v>
          </cell>
          <cell r="C133" t="str">
            <v>スズキ（株）研修センター</v>
          </cell>
          <cell r="D133" t="str">
            <v>人事部　研修センター</v>
          </cell>
          <cell r="E133" t="str">
            <v>431-2202</v>
          </cell>
          <cell r="F133" t="str">
            <v>鈴木　洋次</v>
          </cell>
          <cell r="G133" t="str">
            <v>431-2202</v>
          </cell>
          <cell r="H133" t="str">
            <v>浜松市北区引佐町川名２０－４０</v>
          </cell>
          <cell r="I133" t="str">
            <v>053－544－1122</v>
          </cell>
          <cell r="J133" t="str">
            <v>053-544-1125</v>
          </cell>
        </row>
        <row r="134">
          <cell r="A134">
            <v>133</v>
          </cell>
          <cell r="B134" t="str">
            <v>スズキ㈱</v>
          </cell>
          <cell r="C134" t="str">
            <v>スズキ㈱</v>
          </cell>
          <cell r="D134" t="str">
            <v>第一生産技術部</v>
          </cell>
          <cell r="E134" t="str">
            <v>部長</v>
          </cell>
          <cell r="F134" t="str">
            <v>袴田　和男</v>
          </cell>
          <cell r="G134" t="str">
            <v>432-8611</v>
          </cell>
          <cell r="H134" t="str">
            <v>浜松市南区高塚３００</v>
          </cell>
          <cell r="I134" t="str">
            <v>053-440-2504</v>
          </cell>
        </row>
        <row r="135">
          <cell r="A135">
            <v>134</v>
          </cell>
          <cell r="B135" t="str">
            <v>スズキ協力協同組合</v>
          </cell>
          <cell r="C135" t="str">
            <v>スズキ協力協同組合</v>
          </cell>
          <cell r="D135" t="str">
            <v>中村　正誼</v>
          </cell>
          <cell r="E135" t="str">
            <v>専務理事、事務局長</v>
          </cell>
          <cell r="F135" t="str">
            <v>中村　正誼</v>
          </cell>
          <cell r="G135" t="str">
            <v>431-0201</v>
          </cell>
          <cell r="H135" t="str">
            <v>浜松市西区篠原町21339しのはらﾌﾟﾗｻﾞ４Ｆ</v>
          </cell>
          <cell r="I135" t="str">
            <v>053-447-4027</v>
          </cell>
          <cell r="J135" t="str">
            <v>053-447-5440</v>
          </cell>
        </row>
        <row r="136">
          <cell r="A136">
            <v>135</v>
          </cell>
          <cell r="B136" t="str">
            <v>テイ・エス・テック㈱　浜松工場</v>
          </cell>
          <cell r="C136" t="str">
            <v>テイ・エス・テック㈱　浜松工場</v>
          </cell>
          <cell r="D136" t="str">
            <v>品質課</v>
          </cell>
          <cell r="E136" t="str">
            <v/>
          </cell>
          <cell r="F136" t="str">
            <v>小栗　俊郎</v>
          </cell>
          <cell r="G136" t="str">
            <v>434-0025</v>
          </cell>
          <cell r="H136" t="str">
            <v>浜松市浜北区善地３５８</v>
          </cell>
          <cell r="I136" t="str">
            <v>053-587-1433</v>
          </cell>
          <cell r="J136" t="str">
            <v>587-0625</v>
          </cell>
        </row>
        <row r="137">
          <cell r="A137">
            <v>136</v>
          </cell>
          <cell r="B137" t="str">
            <v>岡本プレス工業㈱</v>
          </cell>
          <cell r="C137" t="str">
            <v>岡本プレス工業㈱</v>
          </cell>
          <cell r="D137" t="str">
            <v>管理部</v>
          </cell>
          <cell r="E137" t="str">
            <v>431-3125</v>
          </cell>
          <cell r="F137" t="str">
            <v>中村　富年</v>
          </cell>
          <cell r="G137" t="str">
            <v>431-3125</v>
          </cell>
          <cell r="H137" t="str">
            <v>浜松市中区高丘東３－３－２４</v>
          </cell>
          <cell r="I137" t="str">
            <v>053-436-2201</v>
          </cell>
          <cell r="J137" t="str">
            <v>436-5384</v>
          </cell>
        </row>
        <row r="138">
          <cell r="A138">
            <v>137</v>
          </cell>
          <cell r="B138" t="str">
            <v>㈱アツミテック</v>
          </cell>
          <cell r="C138" t="str">
            <v>㈱アツミテック</v>
          </cell>
          <cell r="D138" t="str">
            <v>管理部経理BL</v>
          </cell>
          <cell r="E138" t="str">
            <v>主任</v>
          </cell>
          <cell r="F138" t="str">
            <v>神村　知宏</v>
          </cell>
          <cell r="G138" t="str">
            <v>431-0192</v>
          </cell>
          <cell r="H138" t="str">
            <v>浜松市西区雄踏町宇布見７１１１</v>
          </cell>
          <cell r="I138" t="str">
            <v>053-592-8601</v>
          </cell>
          <cell r="J138" t="str">
            <v>592-8630</v>
          </cell>
        </row>
        <row r="139">
          <cell r="A139">
            <v>138</v>
          </cell>
          <cell r="B139" t="str">
            <v>㈱エフ・シー・シー　パーツセンター</v>
          </cell>
          <cell r="C139" t="str">
            <v>㈱エフ・シー・シー　パーツセンター</v>
          </cell>
          <cell r="D139" t="str">
            <v>第一技術</v>
          </cell>
          <cell r="E139" t="str">
            <v>MGR</v>
          </cell>
          <cell r="F139" t="str">
            <v>中村　静</v>
          </cell>
          <cell r="G139" t="str">
            <v>431-1300</v>
          </cell>
          <cell r="H139" t="str">
            <v>浜松市北区細江町テクノランド7000－78</v>
          </cell>
          <cell r="I139" t="str">
            <v>053-523-3550</v>
          </cell>
          <cell r="J139" t="str">
            <v>523-3555</v>
          </cell>
        </row>
        <row r="140">
          <cell r="A140">
            <v>139</v>
          </cell>
          <cell r="B140" t="str">
            <v>㈱エム・エス・ディ</v>
          </cell>
          <cell r="C140" t="str">
            <v>㈱エム・エス・ディ</v>
          </cell>
          <cell r="D140" t="str">
            <v>事業企画課　企画係</v>
          </cell>
          <cell r="E140" t="str">
            <v>ＱＣ担当</v>
          </cell>
          <cell r="F140" t="str">
            <v>弥田　俊明</v>
          </cell>
          <cell r="G140" t="str">
            <v>431-3423</v>
          </cell>
          <cell r="H140" t="str">
            <v>浜松市天竜区渡ヶ島１５００</v>
          </cell>
          <cell r="I140" t="str">
            <v>0539-25-5101</v>
          </cell>
          <cell r="J140" t="str">
            <v>25-5108</v>
          </cell>
        </row>
        <row r="141">
          <cell r="A141">
            <v>140</v>
          </cell>
          <cell r="B141" t="str">
            <v>㈱オートサービス湖西</v>
          </cell>
          <cell r="C141" t="str">
            <v>㈱オートサービス湖西</v>
          </cell>
          <cell r="D141" t="str">
            <v>431-0422</v>
          </cell>
          <cell r="E141" t="str">
            <v>湖西市岡崎2051</v>
          </cell>
          <cell r="F141" t="str">
            <v>遠藤　邦彦</v>
          </cell>
          <cell r="G141" t="str">
            <v>431-0422</v>
          </cell>
          <cell r="H141" t="str">
            <v>湖西市岡崎2051</v>
          </cell>
          <cell r="I141" t="str">
            <v>053-573-2111</v>
          </cell>
          <cell r="J141" t="str">
            <v>573-2113</v>
          </cell>
        </row>
        <row r="142">
          <cell r="A142">
            <v>141</v>
          </cell>
          <cell r="B142" t="str">
            <v>㈱スミテック</v>
          </cell>
          <cell r="C142" t="str">
            <v>㈱スミテック</v>
          </cell>
          <cell r="D142" t="str">
            <v>開発グループ</v>
          </cell>
          <cell r="E142" t="str">
            <v>リーダー</v>
          </cell>
          <cell r="F142" t="str">
            <v>野口　宏海</v>
          </cell>
          <cell r="G142" t="str">
            <v>431-2222</v>
          </cell>
          <cell r="H142" t="str">
            <v>浜松市北区引佐町黒渕44</v>
          </cell>
          <cell r="I142" t="str">
            <v>053-542-0330</v>
          </cell>
          <cell r="J142" t="str">
            <v>053-542-0163</v>
          </cell>
        </row>
        <row r="143">
          <cell r="A143">
            <v>142</v>
          </cell>
          <cell r="B143" t="str">
            <v>㈱ベルソニカ</v>
          </cell>
          <cell r="C143" t="str">
            <v>㈱ベルソニカ</v>
          </cell>
          <cell r="D143" t="str">
            <v>ＢPＳ事務局</v>
          </cell>
          <cell r="E143" t="str">
            <v/>
          </cell>
          <cell r="F143" t="str">
            <v>鈴木　克弥</v>
          </cell>
          <cell r="G143" t="str">
            <v>431-0443</v>
          </cell>
          <cell r="H143" t="str">
            <v>湖西市山口630-18</v>
          </cell>
          <cell r="I143" t="str">
            <v>053-576-1546</v>
          </cell>
          <cell r="J143" t="str">
            <v>053-576-3422</v>
          </cell>
        </row>
        <row r="144">
          <cell r="A144">
            <v>143</v>
          </cell>
          <cell r="B144" t="str">
            <v>㈱ユタカ技研  豊製作所</v>
          </cell>
          <cell r="C144" t="str">
            <v>㈱ユタカ技研  豊製作所</v>
          </cell>
          <cell r="D144" t="str">
            <v>総務部　人材開発ＢＬ</v>
          </cell>
          <cell r="E144" t="str">
            <v>ﾌﾞﾛｯｸﾘｰﾀﾞｰ</v>
          </cell>
          <cell r="F144" t="str">
            <v>大杉　彰宏</v>
          </cell>
          <cell r="G144" t="str">
            <v>431-3194</v>
          </cell>
          <cell r="H144" t="str">
            <v>浜松市東区豊町５０８－１</v>
          </cell>
          <cell r="I144" t="str">
            <v>053-433-4111</v>
          </cell>
          <cell r="J144" t="str">
            <v>433-8616</v>
          </cell>
        </row>
        <row r="145">
          <cell r="A145">
            <v>144</v>
          </cell>
          <cell r="B145" t="str">
            <v>㈱ユニバンス</v>
          </cell>
          <cell r="C145" t="str">
            <v>㈱ユニバンス</v>
          </cell>
          <cell r="D145" t="str">
            <v>品質保証グループ</v>
          </cell>
          <cell r="E145" t="str">
            <v/>
          </cell>
          <cell r="F145" t="str">
            <v>廣田　寿雄</v>
          </cell>
          <cell r="G145" t="str">
            <v>431-0494</v>
          </cell>
          <cell r="H145" t="str">
            <v>湖西市鷲津２４１８</v>
          </cell>
          <cell r="I145" t="str">
            <v>053-576-1318</v>
          </cell>
          <cell r="J145" t="str">
            <v>576-1225</v>
          </cell>
        </row>
        <row r="146">
          <cell r="A146">
            <v>145</v>
          </cell>
          <cell r="B146" t="str">
            <v>㈱小楠金属工業所</v>
          </cell>
          <cell r="C146" t="str">
            <v>㈱小楠金属工業所</v>
          </cell>
          <cell r="D146" t="str">
            <v>品質保証部</v>
          </cell>
          <cell r="E146" t="str">
            <v>部長代理</v>
          </cell>
          <cell r="F146" t="str">
            <v>中島　法夫</v>
          </cell>
          <cell r="G146" t="str">
            <v>431-0201</v>
          </cell>
          <cell r="H146" t="str">
            <v>浜松市西区篠原町１０８３８</v>
          </cell>
          <cell r="I146" t="str">
            <v>053-447-2051</v>
          </cell>
          <cell r="J146" t="str">
            <v>448-0210</v>
          </cell>
        </row>
        <row r="147">
          <cell r="A147">
            <v>146</v>
          </cell>
          <cell r="B147" t="str">
            <v>第一工業㈱</v>
          </cell>
          <cell r="C147" t="str">
            <v>第一工業㈱</v>
          </cell>
          <cell r="D147" t="str">
            <v>総務部　人事課</v>
          </cell>
          <cell r="E147" t="str">
            <v/>
          </cell>
          <cell r="F147" t="str">
            <v>増田　孝太</v>
          </cell>
          <cell r="G147" t="str">
            <v>431-3112</v>
          </cell>
          <cell r="H147" t="str">
            <v>浜松市東区大島町９５５ー９</v>
          </cell>
          <cell r="I147" t="str">
            <v>053-433-1111</v>
          </cell>
          <cell r="J147" t="str">
            <v>053-433-1118</v>
          </cell>
        </row>
        <row r="148">
          <cell r="A148">
            <v>147</v>
          </cell>
          <cell r="B148" t="str">
            <v>東洋濾機製造㈱</v>
          </cell>
          <cell r="C148" t="str">
            <v>東洋濾機製造㈱</v>
          </cell>
          <cell r="D148" t="str">
            <v>品質保証室</v>
          </cell>
          <cell r="E148" t="str">
            <v>室長</v>
          </cell>
          <cell r="F148" t="str">
            <v>太田　辰夫</v>
          </cell>
          <cell r="G148" t="str">
            <v>434-0012</v>
          </cell>
          <cell r="H148" t="str">
            <v>浜松市浜北区中瀬７８００</v>
          </cell>
          <cell r="I148" t="str">
            <v>053-588-0982</v>
          </cell>
          <cell r="J148" t="str">
            <v>053-588-2557</v>
          </cell>
        </row>
        <row r="149">
          <cell r="A149">
            <v>148</v>
          </cell>
          <cell r="B149" t="str">
            <v>日本ビニロン株式会社　都田工場</v>
          </cell>
          <cell r="C149" t="str">
            <v>日本ビニロン株式会社　都田工場</v>
          </cell>
          <cell r="D149" t="str">
            <v>都田製造G</v>
          </cell>
          <cell r="E149" t="str">
            <v>431-2103</v>
          </cell>
          <cell r="F149" t="str">
            <v>北川 幸子</v>
          </cell>
          <cell r="G149" t="str">
            <v>431-2103</v>
          </cell>
          <cell r="H149" t="str">
            <v>浜松市北区新都田1-2-12</v>
          </cell>
          <cell r="I149" t="str">
            <v>053-484-1268</v>
          </cell>
          <cell r="J149" t="str">
            <v>053-428-4883</v>
          </cell>
        </row>
        <row r="150">
          <cell r="A150">
            <v>149</v>
          </cell>
          <cell r="B150" t="str">
            <v>入出運送㈱</v>
          </cell>
          <cell r="C150" t="str">
            <v>入出運送㈱</v>
          </cell>
          <cell r="D150" t="str">
            <v>倉庫部　安全推進Ｇ　監査員</v>
          </cell>
          <cell r="E150" t="str">
            <v>取締役部長</v>
          </cell>
          <cell r="F150" t="str">
            <v>鈴木　啓之</v>
          </cell>
          <cell r="G150" t="str">
            <v>431-0301</v>
          </cell>
          <cell r="H150" t="str">
            <v>浜名郡新居町中之郷2850-1</v>
          </cell>
          <cell r="I150" t="str">
            <v>053-574-216１</v>
          </cell>
          <cell r="J150" t="str">
            <v>574-2166</v>
          </cell>
        </row>
        <row r="151">
          <cell r="A151">
            <v>150</v>
          </cell>
          <cell r="B151" t="str">
            <v>八鈴興業㈱</v>
          </cell>
          <cell r="C151" t="str">
            <v>八鈴興業㈱</v>
          </cell>
          <cell r="D151" t="str">
            <v>業務部</v>
          </cell>
          <cell r="E151" t="str">
            <v>業務部長</v>
          </cell>
          <cell r="F151" t="str">
            <v>吉沢　秀典</v>
          </cell>
          <cell r="G151" t="str">
            <v>431-0451</v>
          </cell>
          <cell r="H151" t="str">
            <v>湖西市白須賀東町２９－１－２</v>
          </cell>
          <cell r="I151" t="str">
            <v>053-579-1557</v>
          </cell>
          <cell r="J151" t="str">
            <v>579-1500</v>
          </cell>
        </row>
        <row r="152">
          <cell r="A152">
            <v>151</v>
          </cell>
          <cell r="B152" t="str">
            <v>浜名湖電装㈱</v>
          </cell>
          <cell r="C152" t="str">
            <v>浜名湖電装㈱</v>
          </cell>
          <cell r="D152" t="str">
            <v>製造企画部　品質改善</v>
          </cell>
          <cell r="E152" t="str">
            <v>431-0431</v>
          </cell>
          <cell r="F152" t="str">
            <v>柴田　達男</v>
          </cell>
          <cell r="G152" t="str">
            <v>431-0431</v>
          </cell>
          <cell r="H152" t="str">
            <v>湖西市鷲津１３６</v>
          </cell>
          <cell r="I152" t="str">
            <v>053-576-1331</v>
          </cell>
          <cell r="J152" t="str">
            <v>575-0066</v>
          </cell>
        </row>
        <row r="153">
          <cell r="A153">
            <v>152</v>
          </cell>
          <cell r="B153" t="str">
            <v>浜名部品工業㈱</v>
          </cell>
          <cell r="C153" t="str">
            <v>浜名部品工業㈱</v>
          </cell>
          <cell r="D153" t="str">
            <v>品質保証部品質保証課QC事務局</v>
          </cell>
          <cell r="E153" t="str">
            <v/>
          </cell>
          <cell r="F153" t="str">
            <v>水藤　隆詳</v>
          </cell>
          <cell r="G153" t="str">
            <v>431-0431</v>
          </cell>
          <cell r="H153" t="str">
            <v>湖西市鷲津９３３－１</v>
          </cell>
          <cell r="I153" t="str">
            <v>053-576-2204</v>
          </cell>
          <cell r="J153" t="str">
            <v>576-3415</v>
          </cell>
        </row>
        <row r="154">
          <cell r="A154">
            <v>153</v>
          </cell>
          <cell r="B154" t="str">
            <v>富士機工㈱</v>
          </cell>
          <cell r="C154" t="str">
            <v>富士機工㈱</v>
          </cell>
          <cell r="D154" t="str">
            <v>総務人事部</v>
          </cell>
          <cell r="E154" t="str">
            <v>部長</v>
          </cell>
          <cell r="F154" t="str">
            <v>佐々木 勇三</v>
          </cell>
          <cell r="G154" t="str">
            <v>431-0431</v>
          </cell>
          <cell r="H154" t="str">
            <v>湖西市鷲津3131</v>
          </cell>
          <cell r="I154" t="str">
            <v>053-575-2716</v>
          </cell>
          <cell r="J154" t="str">
            <v>575-0114</v>
          </cell>
        </row>
        <row r="155">
          <cell r="A155">
            <v>154</v>
          </cell>
          <cell r="B155" t="str">
            <v>矢崎部品㈱ 鷲津工場</v>
          </cell>
          <cell r="C155" t="str">
            <v>矢崎部品㈱ 鷲津工場</v>
          </cell>
          <cell r="D155" t="str">
            <v>品質管理部 品質管理チーム</v>
          </cell>
          <cell r="E155" t="str">
            <v>主任格</v>
          </cell>
          <cell r="F155" t="str">
            <v>鈴木　美恵子</v>
          </cell>
          <cell r="G155" t="str">
            <v>431-0431</v>
          </cell>
          <cell r="H155" t="str">
            <v>湖西市鷲津１４２４</v>
          </cell>
          <cell r="I155" t="str">
            <v>053-576-0822</v>
          </cell>
          <cell r="J155" t="str">
            <v>575-0616</v>
          </cell>
        </row>
        <row r="156">
          <cell r="A156">
            <v>155</v>
          </cell>
          <cell r="B156" t="str">
            <v>柳川テクノフォージ㈱　引佐工場</v>
          </cell>
          <cell r="C156" t="str">
            <v>柳川テクノフォージ㈱　引佐工場</v>
          </cell>
          <cell r="D156" t="str">
            <v>精鍛３課</v>
          </cell>
          <cell r="E156" t="str">
            <v>課長</v>
          </cell>
          <cell r="F156" t="str">
            <v>森上　友克</v>
          </cell>
          <cell r="G156" t="str">
            <v>431-2212</v>
          </cell>
          <cell r="H156" t="str">
            <v>浜松市北区引佐町井伊谷３９３９</v>
          </cell>
          <cell r="I156" t="str">
            <v>053-542-2201</v>
          </cell>
        </row>
        <row r="157">
          <cell r="A157">
            <v>156</v>
          </cell>
          <cell r="B157" t="str">
            <v>㈱ホンダロジスティクス　静岡事業所</v>
          </cell>
          <cell r="C157" t="str">
            <v>㈱ホンダロジスティクス　静岡事業所</v>
          </cell>
          <cell r="D157" t="str">
            <v>総務課　</v>
          </cell>
          <cell r="E157" t="str">
            <v>433-8117</v>
          </cell>
          <cell r="F157" t="str">
            <v>筒井　克彦</v>
          </cell>
          <cell r="G157" t="str">
            <v>433-8117</v>
          </cell>
          <cell r="H157" t="str">
            <v>浜松市中区高丘東1-13-45</v>
          </cell>
          <cell r="I157" t="str">
            <v>053-436-1551</v>
          </cell>
          <cell r="J157" t="str">
            <v>053-437-1710</v>
          </cell>
        </row>
        <row r="158">
          <cell r="A158">
            <v>157</v>
          </cell>
          <cell r="B158" t="str">
            <v>㈱河合楽器製作所</v>
          </cell>
          <cell r="C158" t="str">
            <v>㈱河合楽器製作所</v>
          </cell>
          <cell r="D158" t="str">
            <v>事業企画部社風改革推進プロ</v>
          </cell>
          <cell r="E158" t="str">
            <v>リーダー</v>
          </cell>
          <cell r="F158" t="str">
            <v>石塚　宏康</v>
          </cell>
          <cell r="G158" t="str">
            <v>430-8665</v>
          </cell>
          <cell r="H158" t="str">
            <v>浜松市中区寺島町２００</v>
          </cell>
          <cell r="I158" t="str">
            <v>053－457－1263</v>
          </cell>
          <cell r="J158" t="str">
            <v>053-457-1250</v>
          </cell>
        </row>
        <row r="159">
          <cell r="A159">
            <v>158</v>
          </cell>
          <cell r="B159" t="str">
            <v>㈱日立ビルシステム　浜松営業所</v>
          </cell>
          <cell r="C159" t="str">
            <v>㈱日立ビルシステム　浜松営業所</v>
          </cell>
          <cell r="D159" t="str">
            <v>浜松第1営業所</v>
          </cell>
          <cell r="E159" t="str">
            <v>430-0926</v>
          </cell>
          <cell r="F159" t="str">
            <v>村地　清</v>
          </cell>
          <cell r="G159" t="str">
            <v>430-0926</v>
          </cell>
          <cell r="H159" t="str">
            <v>浜松市中区砂山町325-34　ニッセイ浜松駅前アネックス８F</v>
          </cell>
          <cell r="I159" t="str">
            <v>053-453-4323</v>
          </cell>
          <cell r="J159" t="str">
            <v>053-455-2367</v>
          </cell>
        </row>
        <row r="160">
          <cell r="A160">
            <v>159</v>
          </cell>
          <cell r="B160" t="str">
            <v>スズキ輸送梱包㈱</v>
          </cell>
          <cell r="C160" t="str">
            <v>スズキ輸送梱包㈱</v>
          </cell>
          <cell r="D160" t="str">
            <v>総務係</v>
          </cell>
          <cell r="E160" t="str">
            <v>432-8064</v>
          </cell>
          <cell r="F160" t="str">
            <v>岡田　　修</v>
          </cell>
          <cell r="G160" t="str">
            <v>432-8064</v>
          </cell>
          <cell r="H160" t="str">
            <v>浜松市南区倉松2633</v>
          </cell>
          <cell r="I160" t="str">
            <v>053-447-4716</v>
          </cell>
        </row>
        <row r="161">
          <cell r="A161">
            <v>160</v>
          </cell>
          <cell r="B161" t="str">
            <v>ネッツトヨタ㈱浜松本部</v>
          </cell>
          <cell r="C161" t="str">
            <v>ネッツトヨタ㈱浜松本部</v>
          </cell>
          <cell r="D161" t="str">
            <v>改善推進本部</v>
          </cell>
          <cell r="E161" t="str">
            <v>435-8551</v>
          </cell>
          <cell r="F161" t="str">
            <v>増濱　幸男</v>
          </cell>
          <cell r="G161" t="str">
            <v>435-8551</v>
          </cell>
          <cell r="H161" t="str">
            <v>浜松市東区和田町809</v>
          </cell>
          <cell r="I161" t="str">
            <v>053-464-2770</v>
          </cell>
        </row>
        <row r="162">
          <cell r="A162">
            <v>161</v>
          </cell>
          <cell r="B162" t="str">
            <v>㈱アーレスティ  ダイモールド浜松</v>
          </cell>
          <cell r="C162" t="str">
            <v>㈱アーレスティ  ダイモールド浜松</v>
          </cell>
          <cell r="D162" t="str">
            <v>品質管理課品質保証係</v>
          </cell>
          <cell r="E162" t="str">
            <v>ＱＣ担当</v>
          </cell>
          <cell r="F162" t="str">
            <v>宮崎　政孝</v>
          </cell>
          <cell r="G162" t="str">
            <v>431-1104</v>
          </cell>
          <cell r="H162" t="str">
            <v>浜松市西区桜台5-3-10</v>
          </cell>
          <cell r="I162" t="str">
            <v>053-436-1711</v>
          </cell>
          <cell r="J162" t="str">
            <v>436-6133</v>
          </cell>
        </row>
        <row r="163">
          <cell r="A163">
            <v>162</v>
          </cell>
          <cell r="B163" t="str">
            <v>㈱アーレスティ  浜松工場</v>
          </cell>
          <cell r="C163" t="str">
            <v>㈱アーレスティ  浜松工場</v>
          </cell>
          <cell r="D163" t="str">
            <v>業務管理課　経理</v>
          </cell>
          <cell r="E163" t="str">
            <v/>
          </cell>
          <cell r="F163" t="str">
            <v>石川　隆鳥</v>
          </cell>
          <cell r="G163" t="str">
            <v>433-8520</v>
          </cell>
          <cell r="H163" t="str">
            <v>浜松市中区小豆餅４－１４－１</v>
          </cell>
          <cell r="I163" t="str">
            <v>053-436-2111</v>
          </cell>
          <cell r="J163" t="str">
            <v>436-7483</v>
          </cell>
        </row>
        <row r="164">
          <cell r="A164">
            <v>163</v>
          </cell>
          <cell r="B164" t="str">
            <v>㈱アルテックス</v>
          </cell>
          <cell r="C164" t="str">
            <v>㈱アルテックス</v>
          </cell>
          <cell r="D164" t="str">
            <v>品質保証部</v>
          </cell>
          <cell r="E164" t="str">
            <v>434-0013</v>
          </cell>
          <cell r="F164" t="str">
            <v>黒柳　雅之</v>
          </cell>
          <cell r="G164" t="str">
            <v>434-0013</v>
          </cell>
          <cell r="H164" t="str">
            <v>浜松市浜北区永島521</v>
          </cell>
          <cell r="I164" t="str">
            <v>053-586-6116</v>
          </cell>
          <cell r="J164" t="str">
            <v>053-586-4621</v>
          </cell>
        </row>
        <row r="165">
          <cell r="A165">
            <v>164</v>
          </cell>
          <cell r="B165" t="str">
            <v>㈱ソミック石川</v>
          </cell>
          <cell r="C165" t="str">
            <v>㈱ソミック石川</v>
          </cell>
          <cell r="D165" t="str">
            <v>総務部　人財育成Ｇ</v>
          </cell>
          <cell r="E165" t="str">
            <v>435-8560</v>
          </cell>
          <cell r="F165" t="str">
            <v>立石　正行</v>
          </cell>
          <cell r="G165" t="str">
            <v>435-8560</v>
          </cell>
          <cell r="H165" t="str">
            <v>浜松市南区古川町５００</v>
          </cell>
          <cell r="I165" t="str">
            <v>053-425-2111</v>
          </cell>
          <cell r="J165" t="str">
            <v>425-5611</v>
          </cell>
        </row>
        <row r="166">
          <cell r="A166">
            <v>165</v>
          </cell>
          <cell r="B166" t="str">
            <v>㈱リズム</v>
          </cell>
          <cell r="C166" t="str">
            <v>㈱リズム</v>
          </cell>
          <cell r="D166" t="str">
            <v>リズムウエイ推進室</v>
          </cell>
          <cell r="E166" t="str">
            <v>430-0831</v>
          </cell>
          <cell r="F166" t="str">
            <v>安藤　和親</v>
          </cell>
          <cell r="G166" t="str">
            <v>430-0831</v>
          </cell>
          <cell r="H166" t="str">
            <v>浜松市南区御給町２８３－３</v>
          </cell>
          <cell r="I166" t="str">
            <v>053-462-2144</v>
          </cell>
          <cell r="J166" t="str">
            <v>053-426-2150</v>
          </cell>
        </row>
        <row r="167">
          <cell r="A167">
            <v>166</v>
          </cell>
          <cell r="B167" t="str">
            <v>共和レザー㈱</v>
          </cell>
          <cell r="C167" t="str">
            <v>共和レザー㈱</v>
          </cell>
          <cell r="D167" t="str">
            <v>生産管理部</v>
          </cell>
          <cell r="E167" t="str">
            <v>430-0822</v>
          </cell>
          <cell r="F167" t="str">
            <v>栗田　博之</v>
          </cell>
          <cell r="G167" t="str">
            <v>430-0822</v>
          </cell>
          <cell r="H167" t="str">
            <v>浜松市東町738-2</v>
          </cell>
          <cell r="I167" t="str">
            <v>053-426-1399</v>
          </cell>
          <cell r="J167" t="str">
            <v>053-425-4166</v>
          </cell>
        </row>
        <row r="168">
          <cell r="A168">
            <v>167</v>
          </cell>
          <cell r="B168" t="str">
            <v>金田工業㈱</v>
          </cell>
          <cell r="C168" t="str">
            <v>金田工業㈱</v>
          </cell>
          <cell r="D168" t="str">
            <v>総務課</v>
          </cell>
          <cell r="E168" t="str">
            <v>指導員</v>
          </cell>
          <cell r="F168" t="str">
            <v>町田　直也</v>
          </cell>
          <cell r="G168" t="str">
            <v>433-8117</v>
          </cell>
          <cell r="H168" t="str">
            <v>浜松市中区高丘東３－１８－５</v>
          </cell>
          <cell r="I168" t="str">
            <v>053-436-1211</v>
          </cell>
          <cell r="J168" t="str">
            <v>436-2941</v>
          </cell>
        </row>
        <row r="169">
          <cell r="A169">
            <v>168</v>
          </cell>
          <cell r="B169" t="str">
            <v>犬塚中小企業診断士事務所</v>
          </cell>
          <cell r="C169" t="str">
            <v>犬塚中小企業診断士事務所</v>
          </cell>
          <cell r="D169" t="str">
            <v/>
          </cell>
          <cell r="E169" t="str">
            <v>所長</v>
          </cell>
          <cell r="F169" t="str">
            <v>犬塚　幸男</v>
          </cell>
          <cell r="G169" t="str">
            <v>432-8012</v>
          </cell>
          <cell r="H169" t="str">
            <v>浜松市中区布橋１－１５－１２</v>
          </cell>
          <cell r="I169" t="str">
            <v>053-471-1393</v>
          </cell>
          <cell r="J169" t="str">
            <v>471-1393</v>
          </cell>
        </row>
        <row r="170">
          <cell r="A170">
            <v>169</v>
          </cell>
          <cell r="B170" t="str">
            <v>航空自衛隊</v>
          </cell>
          <cell r="C170" t="str">
            <v>航空自衛隊</v>
          </cell>
          <cell r="D170" t="str">
            <v>高射教導隊　第1教導隊</v>
          </cell>
          <cell r="E170" t="str">
            <v>整備小隊長</v>
          </cell>
          <cell r="F170" t="str">
            <v>北　有光</v>
          </cell>
          <cell r="G170" t="str">
            <v>432-8001</v>
          </cell>
          <cell r="H170" t="str">
            <v>浜松市西区西山町無番地</v>
          </cell>
          <cell r="I170" t="str">
            <v>053-472-1111</v>
          </cell>
          <cell r="J170">
            <v>0</v>
          </cell>
        </row>
        <row r="171">
          <cell r="A171">
            <v>170</v>
          </cell>
          <cell r="B171" t="str">
            <v>社会保険浜松病院</v>
          </cell>
          <cell r="C171" t="str">
            <v>社会保険浜松病院</v>
          </cell>
          <cell r="D171" t="str">
            <v>事務局</v>
          </cell>
          <cell r="E171" t="str">
            <v>430-0856</v>
          </cell>
          <cell r="F171" t="str">
            <v>倉田　恵夫</v>
          </cell>
          <cell r="G171" t="str">
            <v>430-0856</v>
          </cell>
          <cell r="H171" t="str">
            <v>浜松市中区中島１－８－１</v>
          </cell>
          <cell r="I171" t="str">
            <v>053-461-4133</v>
          </cell>
        </row>
        <row r="172">
          <cell r="A172">
            <v>171</v>
          </cell>
          <cell r="B172" t="str">
            <v>沢根スプリング㈱</v>
          </cell>
          <cell r="C172" t="str">
            <v>沢根スプリング㈱</v>
          </cell>
          <cell r="D172" t="str">
            <v>品質課</v>
          </cell>
          <cell r="E172" t="str">
            <v>課長</v>
          </cell>
          <cell r="F172" t="str">
            <v>大城　尹以</v>
          </cell>
          <cell r="G172" t="str">
            <v>432-8063</v>
          </cell>
          <cell r="H172" t="str">
            <v>浜松市南区小沢渡町１３５６</v>
          </cell>
          <cell r="I172" t="str">
            <v>053-447-3451</v>
          </cell>
          <cell r="J172" t="str">
            <v>448-8298</v>
          </cell>
        </row>
        <row r="173">
          <cell r="A173">
            <v>172</v>
          </cell>
          <cell r="B173" t="str">
            <v>日通商事㈱浜松ＬＳセンター</v>
          </cell>
          <cell r="C173" t="str">
            <v>日通商事㈱浜松ＬＳセンター</v>
          </cell>
          <cell r="D173" t="str">
            <v>生産管理課</v>
          </cell>
          <cell r="E173" t="str">
            <v>課長</v>
          </cell>
          <cell r="F173" t="str">
            <v>波多野　邦也</v>
          </cell>
          <cell r="G173" t="str">
            <v>433-8117</v>
          </cell>
          <cell r="H173" t="str">
            <v>浜松市中区高丘東1-10-37</v>
          </cell>
          <cell r="I173" t="str">
            <v>053-436-1011</v>
          </cell>
          <cell r="J173" t="str">
            <v>437-6627</v>
          </cell>
        </row>
        <row r="174">
          <cell r="A174">
            <v>173</v>
          </cell>
          <cell r="B174" t="str">
            <v>八千代工業株式会社</v>
          </cell>
          <cell r="C174" t="str">
            <v>八千代工業株式会社</v>
          </cell>
          <cell r="D174" t="str">
            <v>浜松事業所</v>
          </cell>
          <cell r="E174" t="str">
            <v>431-1102</v>
          </cell>
          <cell r="F174" t="str">
            <v>雪山　勝彦</v>
          </cell>
          <cell r="G174" t="str">
            <v>431-1102</v>
          </cell>
          <cell r="H174" t="str">
            <v>浜松市西区大山町4092</v>
          </cell>
          <cell r="I174" t="str">
            <v>053-436-2371</v>
          </cell>
          <cell r="J174" t="str">
            <v>053-436-2150</v>
          </cell>
        </row>
        <row r="175">
          <cell r="A175">
            <v>174</v>
          </cell>
          <cell r="B175" t="str">
            <v>本田技研工業㈱　浜松製作所</v>
          </cell>
          <cell r="C175" t="str">
            <v>本田技研工業㈱　浜松製作所</v>
          </cell>
          <cell r="D175" t="str">
            <v>事業管理部 総務ﾌﾞﾛｯｸ</v>
          </cell>
          <cell r="E175" t="str">
            <v>技術主任</v>
          </cell>
          <cell r="F175" t="str">
            <v>前田　泉</v>
          </cell>
          <cell r="G175" t="str">
            <v>433-8501</v>
          </cell>
          <cell r="H175" t="str">
            <v>浜松市中区葵東１－１３－１</v>
          </cell>
          <cell r="I175" t="str">
            <v>053-439-2097</v>
          </cell>
          <cell r="J175" t="str">
            <v>439-2550</v>
          </cell>
        </row>
        <row r="176">
          <cell r="A176">
            <v>175</v>
          </cell>
          <cell r="B176" t="str">
            <v>矢崎計器㈱　天竜工場　</v>
          </cell>
          <cell r="C176" t="str">
            <v>矢崎計器㈱　天竜工場　</v>
          </cell>
          <cell r="D176" t="str">
            <v>ＮＹＳ推進事務局</v>
          </cell>
          <cell r="E176" t="str">
            <v>主管</v>
          </cell>
          <cell r="F176" t="str">
            <v>鶴田　准右</v>
          </cell>
          <cell r="G176" t="str">
            <v>431-3393</v>
          </cell>
          <cell r="H176" t="str">
            <v>浜松市天竜区二俣町南鹿島２３</v>
          </cell>
          <cell r="I176" t="str">
            <v>0539-25-4160</v>
          </cell>
          <cell r="J176" t="str">
            <v>0539-25-4160</v>
          </cell>
        </row>
        <row r="177">
          <cell r="A177">
            <v>176</v>
          </cell>
          <cell r="B177" t="str">
            <v>㈱ニッソーサービス</v>
          </cell>
          <cell r="C177" t="str">
            <v>㈱ニッソーサービス</v>
          </cell>
          <cell r="D177" t="str">
            <v>技術部門</v>
          </cell>
          <cell r="E177" t="str">
            <v>支社長</v>
          </cell>
          <cell r="F177" t="str">
            <v>小幡　治征</v>
          </cell>
          <cell r="G177" t="str">
            <v>471-0025</v>
          </cell>
          <cell r="H177" t="str">
            <v>愛知県豊田市西町３－２６</v>
          </cell>
          <cell r="I177" t="str">
            <v>0565－37－3339</v>
          </cell>
        </row>
        <row r="178">
          <cell r="A178">
            <v>177</v>
          </cell>
          <cell r="B178" t="str">
            <v>㈱日本自動車部品総合研究所</v>
          </cell>
          <cell r="C178" t="str">
            <v>㈱日本自動車部品総合研究所</v>
          </cell>
          <cell r="D178" t="str">
            <v>総研部　試験課</v>
          </cell>
          <cell r="E178" t="str">
            <v>445-0012</v>
          </cell>
          <cell r="F178" t="str">
            <v>鳥越　圭一郎</v>
          </cell>
          <cell r="G178" t="str">
            <v>445-0012</v>
          </cell>
          <cell r="H178" t="str">
            <v>愛知県西尾市下羽角町岩谷14番地</v>
          </cell>
          <cell r="I178" t="str">
            <v>0563-55-1835</v>
          </cell>
          <cell r="J178" t="str">
            <v>0563-55-1899</v>
          </cell>
        </row>
        <row r="179">
          <cell r="A179">
            <v>178</v>
          </cell>
          <cell r="B179" t="str">
            <v>アクテバ研究所</v>
          </cell>
          <cell r="C179" t="str">
            <v>アクテバ研究所</v>
          </cell>
          <cell r="D179" t="str">
            <v>444-2149</v>
          </cell>
          <cell r="E179" t="str">
            <v>愛知県岡崎市細川町字鳥ｹ根１７－２８</v>
          </cell>
          <cell r="F179" t="str">
            <v>藤川　篤信</v>
          </cell>
          <cell r="G179" t="str">
            <v>444-2149</v>
          </cell>
          <cell r="H179" t="str">
            <v>愛知県岡崎市細川町字鳥ｹ根１７－２８</v>
          </cell>
          <cell r="I179" t="str">
            <v>0564－45－2895</v>
          </cell>
        </row>
        <row r="180">
          <cell r="A180">
            <v>179</v>
          </cell>
          <cell r="B180" t="str">
            <v>イビデン㈱</v>
          </cell>
          <cell r="C180" t="str">
            <v>イビデン㈱</v>
          </cell>
          <cell r="D180" t="str">
            <v>業務改革推進本部　TPM推進室　品質ｼｽﾃﾑG</v>
          </cell>
          <cell r="E180" t="str">
            <v>503-8503</v>
          </cell>
          <cell r="F180" t="str">
            <v>猪飼　一仁</v>
          </cell>
          <cell r="G180" t="str">
            <v>503-8503</v>
          </cell>
          <cell r="H180" t="str">
            <v>大垣市青柳町300</v>
          </cell>
          <cell r="I180" t="str">
            <v>0584-89-9532</v>
          </cell>
        </row>
        <row r="181">
          <cell r="A181">
            <v>180</v>
          </cell>
          <cell r="B181" t="str">
            <v>オーエスジー㈱</v>
          </cell>
          <cell r="C181" t="str">
            <v>オーエスジー㈱</v>
          </cell>
          <cell r="D181" t="str">
            <v>品質保証室　QPC推進チーム</v>
          </cell>
          <cell r="E181" t="str">
            <v>442-8544</v>
          </cell>
          <cell r="F181" t="str">
            <v>近田　政雄</v>
          </cell>
          <cell r="G181" t="str">
            <v>442-8544</v>
          </cell>
          <cell r="H181" t="str">
            <v>愛知県豊川市本野ヶ原1-15</v>
          </cell>
          <cell r="I181" t="str">
            <v>0533-84-8929</v>
          </cell>
          <cell r="J181" t="str">
            <v>0533-84-8952</v>
          </cell>
        </row>
        <row r="182">
          <cell r="A182">
            <v>181</v>
          </cell>
          <cell r="B182" t="str">
            <v>ケンコーマヨネーズ㈱</v>
          </cell>
          <cell r="C182" t="str">
            <v>ケンコーマヨネーズ㈱</v>
          </cell>
          <cell r="D182" t="str">
            <v>品質保証部</v>
          </cell>
          <cell r="E182" t="str">
            <v>243-0801</v>
          </cell>
          <cell r="F182" t="str">
            <v>荒井　幸一郎</v>
          </cell>
          <cell r="G182" t="str">
            <v>243-0801</v>
          </cell>
          <cell r="H182" t="str">
            <v>神奈川県厚木市上依知</v>
          </cell>
          <cell r="I182" t="str">
            <v>046－286－1831</v>
          </cell>
        </row>
        <row r="183">
          <cell r="A183">
            <v>182</v>
          </cell>
          <cell r="B183" t="str">
            <v>トヨタ紡織㈱</v>
          </cell>
          <cell r="C183" t="str">
            <v>トヨタ紡織㈱</v>
          </cell>
          <cell r="D183" t="str">
            <v>品質保証部　品質統括室</v>
          </cell>
          <cell r="E183" t="str">
            <v>473-0935</v>
          </cell>
          <cell r="F183" t="str">
            <v>藤綱　裕哉</v>
          </cell>
          <cell r="G183" t="str">
            <v>473-0935</v>
          </cell>
          <cell r="H183" t="str">
            <v>豊田市大島町前畑１番地の１</v>
          </cell>
          <cell r="I183" t="str">
            <v>0565-52-3163</v>
          </cell>
          <cell r="J183" t="str">
            <v>53-3809</v>
          </cell>
        </row>
        <row r="184">
          <cell r="A184">
            <v>183</v>
          </cell>
          <cell r="B184" t="str">
            <v>パナソニックエレクトロニックデバイス㈱</v>
          </cell>
          <cell r="C184" t="str">
            <v>パナソニックエレクトロニックデバイス㈱</v>
          </cell>
          <cell r="D184" t="str">
            <v>スピーカBU　品質技術Gr</v>
          </cell>
          <cell r="E184" t="str">
            <v>515-8555</v>
          </cell>
          <cell r="F184" t="str">
            <v>友澤　一政</v>
          </cell>
          <cell r="G184" t="str">
            <v>515-8555</v>
          </cell>
          <cell r="H184" t="str">
            <v>三重県松坂市上川町2460-1</v>
          </cell>
          <cell r="I184" t="str">
            <v>0598-28-8182</v>
          </cell>
        </row>
        <row r="185">
          <cell r="A185">
            <v>184</v>
          </cell>
          <cell r="B185" t="str">
            <v>愛知県経済農業協同組合連合会</v>
          </cell>
          <cell r="C185" t="str">
            <v>愛知県経済農業協同組合連合会</v>
          </cell>
          <cell r="D185" t="str">
            <v>米穀販売部　食料販売課</v>
          </cell>
          <cell r="E185" t="str">
            <v>460-0003</v>
          </cell>
          <cell r="F185" t="str">
            <v>小島　真純</v>
          </cell>
          <cell r="G185" t="str">
            <v>460-0003</v>
          </cell>
          <cell r="H185" t="str">
            <v>愛知県名古屋市中区錦町３丁目３番８号</v>
          </cell>
          <cell r="I185" t="str">
            <v>052-951-3629</v>
          </cell>
        </row>
        <row r="186">
          <cell r="A186">
            <v>185</v>
          </cell>
          <cell r="B186" t="str">
            <v>医療福祉研究会㈱</v>
          </cell>
          <cell r="C186" t="str">
            <v>医療福祉研究会㈱</v>
          </cell>
          <cell r="D186" t="str">
            <v>444-0407</v>
          </cell>
          <cell r="E186" t="str">
            <v>播豆郡一色町前野東浦１３２－２</v>
          </cell>
          <cell r="F186" t="str">
            <v>青江　勉</v>
          </cell>
          <cell r="G186" t="str">
            <v>444-0407</v>
          </cell>
          <cell r="H186" t="str">
            <v>播豆郡一色町前野東浦１３２－２</v>
          </cell>
          <cell r="I186" t="str">
            <v>0563-72-1651</v>
          </cell>
        </row>
        <row r="187">
          <cell r="A187">
            <v>186</v>
          </cell>
          <cell r="B187" t="str">
            <v>㈱スズキ部品秋田</v>
          </cell>
          <cell r="C187" t="str">
            <v>㈱スズキ部品秋田</v>
          </cell>
          <cell r="D187" t="str">
            <v>総務ｸﾞﾙｰﾌﾟ</v>
          </cell>
          <cell r="E187" t="str">
            <v>係長</v>
          </cell>
          <cell r="F187" t="str">
            <v>佐々木　晶</v>
          </cell>
          <cell r="G187" t="str">
            <v>018-1516</v>
          </cell>
          <cell r="H187" t="str">
            <v>南秋田郡井川町浜井川字家の束192-1</v>
          </cell>
          <cell r="I187" t="str">
            <v>018-874-2321</v>
          </cell>
        </row>
        <row r="188">
          <cell r="A188">
            <v>187</v>
          </cell>
          <cell r="B188" t="str">
            <v>㈱スズキ部品富山</v>
          </cell>
          <cell r="C188" t="str">
            <v>㈱スズキ部品富山</v>
          </cell>
          <cell r="D188" t="str">
            <v>製造部</v>
          </cell>
          <cell r="E188" t="str">
            <v>次長</v>
          </cell>
          <cell r="F188" t="str">
            <v>原田　定範</v>
          </cell>
          <cell r="G188" t="str">
            <v>932-0198</v>
          </cell>
          <cell r="H188" t="str">
            <v>富山県小矢部市水島3200</v>
          </cell>
          <cell r="I188" t="str">
            <v>0766-61-3649</v>
          </cell>
        </row>
        <row r="189">
          <cell r="A189">
            <v>188</v>
          </cell>
          <cell r="B189" t="str">
            <v>㈱メッツ　身延工場</v>
          </cell>
          <cell r="C189" t="str">
            <v>㈱メッツ　身延工場</v>
          </cell>
          <cell r="D189" t="str">
            <v>原価計算課</v>
          </cell>
          <cell r="E189" t="str">
            <v>主任</v>
          </cell>
          <cell r="F189" t="str">
            <v>伊藤裕貴智</v>
          </cell>
          <cell r="G189" t="str">
            <v>409-2522</v>
          </cell>
          <cell r="H189" t="str">
            <v>山梨県巨摩郡身延町下山10350-1</v>
          </cell>
          <cell r="I189" t="str">
            <v>05566-2-5931</v>
          </cell>
          <cell r="J189" t="str">
            <v>2-5630</v>
          </cell>
        </row>
        <row r="190">
          <cell r="A190">
            <v>189</v>
          </cell>
          <cell r="B190" t="str">
            <v>㈱佐藤鉄工所</v>
          </cell>
          <cell r="C190" t="str">
            <v>㈱佐藤鉄工所</v>
          </cell>
          <cell r="D190" t="str">
            <v>455-0008</v>
          </cell>
          <cell r="E190" t="str">
            <v>名古屋市港区九番町３丁目４２</v>
          </cell>
          <cell r="F190" t="str">
            <v>大石　</v>
          </cell>
          <cell r="G190" t="str">
            <v>455-0008</v>
          </cell>
          <cell r="H190" t="str">
            <v>名古屋市港区九番町３丁目４２</v>
          </cell>
          <cell r="I190" t="str">
            <v>052-661-0176</v>
          </cell>
        </row>
        <row r="191">
          <cell r="A191">
            <v>190</v>
          </cell>
          <cell r="B191" t="str">
            <v>㈱三陽製作所</v>
          </cell>
          <cell r="C191" t="str">
            <v>㈱三陽製作所</v>
          </cell>
          <cell r="D191" t="str">
            <v>総務部</v>
          </cell>
          <cell r="E191" t="str">
            <v>448-0001</v>
          </cell>
          <cell r="F191" t="str">
            <v>安原　正</v>
          </cell>
          <cell r="G191" t="str">
            <v>448-0001</v>
          </cell>
          <cell r="H191" t="str">
            <v>愛知県刈谷市井ヶ谷町庄司50-18</v>
          </cell>
          <cell r="I191" t="str">
            <v>0566-36-5611</v>
          </cell>
          <cell r="J191" t="str">
            <v>36-5614</v>
          </cell>
        </row>
        <row r="192">
          <cell r="A192">
            <v>191</v>
          </cell>
          <cell r="B192" t="str">
            <v>㈱青山製作所</v>
          </cell>
          <cell r="C192" t="str">
            <v>㈱青山製作所</v>
          </cell>
          <cell r="D192" t="str">
            <v>総務グループ</v>
          </cell>
          <cell r="E192" t="str">
            <v>480-0198</v>
          </cell>
          <cell r="F192" t="str">
            <v>山田　吉昭</v>
          </cell>
          <cell r="G192" t="str">
            <v>480-0198</v>
          </cell>
          <cell r="H192" t="str">
            <v>愛知県丹羽郡大口町高橋1-8</v>
          </cell>
          <cell r="I192" t="str">
            <v>0587-95-1151</v>
          </cell>
        </row>
        <row r="193">
          <cell r="A193">
            <v>192</v>
          </cell>
          <cell r="B193" t="str">
            <v>㈱千代田グラビヤ</v>
          </cell>
          <cell r="C193" t="str">
            <v>㈱千代田グラビヤ</v>
          </cell>
          <cell r="D193" t="str">
            <v>総務人事ｸﾞﾙｰﾌﾟ</v>
          </cell>
          <cell r="E193" t="str">
            <v>141-0032</v>
          </cell>
          <cell r="F193" t="str">
            <v>堀田　次彦</v>
          </cell>
          <cell r="G193" t="str">
            <v>141-0032</v>
          </cell>
          <cell r="H193" t="str">
            <v>東京都品川区大崎1-18-16</v>
          </cell>
          <cell r="I193" t="str">
            <v>03-3492-5311</v>
          </cell>
        </row>
        <row r="194">
          <cell r="A194">
            <v>193</v>
          </cell>
          <cell r="B194" t="str">
            <v>小原建設株式会社</v>
          </cell>
          <cell r="C194" t="str">
            <v>小原建設株式会社</v>
          </cell>
          <cell r="D194" t="str">
            <v>事務部</v>
          </cell>
          <cell r="E194" t="str">
            <v>444-0867</v>
          </cell>
          <cell r="F194" t="str">
            <v>都築　直希</v>
          </cell>
          <cell r="G194" t="str">
            <v>444-0867</v>
          </cell>
          <cell r="H194" t="str">
            <v>愛知県岡崎市明大寺町字西郷37</v>
          </cell>
          <cell r="I194" t="str">
            <v>0564-51-2621</v>
          </cell>
          <cell r="J194" t="str">
            <v>0564-52-7662</v>
          </cell>
        </row>
        <row r="195">
          <cell r="A195">
            <v>194</v>
          </cell>
          <cell r="B195" t="str">
            <v>新日工業㈱</v>
          </cell>
          <cell r="C195" t="str">
            <v>新日工業㈱</v>
          </cell>
          <cell r="D195" t="str">
            <v>事業管理部</v>
          </cell>
          <cell r="E195" t="str">
            <v/>
          </cell>
          <cell r="F195" t="str">
            <v>佐々木　克俊</v>
          </cell>
          <cell r="G195" t="str">
            <v>443-0036</v>
          </cell>
          <cell r="H195" t="str">
            <v>愛知県蒲郡市浜町８８</v>
          </cell>
          <cell r="I195" t="str">
            <v>0533-69-2375</v>
          </cell>
          <cell r="J195" t="str">
            <v>69-1126</v>
          </cell>
        </row>
        <row r="196">
          <cell r="A196">
            <v>195</v>
          </cell>
          <cell r="B196" t="str">
            <v>太平洋工業㈱</v>
          </cell>
          <cell r="C196" t="str">
            <v>太平洋工業㈱</v>
          </cell>
          <cell r="D196" t="str">
            <v>第1事業部　品質保証部</v>
          </cell>
          <cell r="E196" t="str">
            <v>503-8603</v>
          </cell>
          <cell r="F196" t="str">
            <v>石川　實</v>
          </cell>
          <cell r="G196" t="str">
            <v>503-8603</v>
          </cell>
          <cell r="H196" t="str">
            <v>岐阜県大垣市久徳町100番地</v>
          </cell>
          <cell r="I196" t="str">
            <v>0584-93-0141</v>
          </cell>
          <cell r="J196" t="str">
            <v>0584-93-0147</v>
          </cell>
        </row>
        <row r="197">
          <cell r="A197">
            <v>196</v>
          </cell>
          <cell r="B197" t="str">
            <v>大岡技研㈱</v>
          </cell>
          <cell r="C197" t="str">
            <v>大岡技研㈱</v>
          </cell>
          <cell r="D197" t="str">
            <v>営業部</v>
          </cell>
          <cell r="E197" t="str">
            <v>473-0933</v>
          </cell>
          <cell r="F197" t="str">
            <v>速水　恵二</v>
          </cell>
          <cell r="G197" t="str">
            <v>473-0933</v>
          </cell>
          <cell r="H197" t="str">
            <v>豊田市高岡町秋葉山1-1</v>
          </cell>
          <cell r="I197" t="str">
            <v>0565-52-3441</v>
          </cell>
        </row>
        <row r="198">
          <cell r="A198">
            <v>197</v>
          </cell>
          <cell r="B198" t="str">
            <v>東海旅客鉄道㈱ 新幹線鉄道事業本部</v>
          </cell>
          <cell r="C198" t="str">
            <v>東海旅客鉄道㈱ 新幹線鉄道事業本部</v>
          </cell>
          <cell r="D198" t="str">
            <v>管理部人事課</v>
          </cell>
          <cell r="E198" t="str">
            <v>100-0005</v>
          </cell>
          <cell r="F198" t="str">
            <v>萩原　隆之</v>
          </cell>
          <cell r="G198" t="str">
            <v>100-0005</v>
          </cell>
          <cell r="H198" t="str">
            <v>千代田区丸の内1-9-1 丸の内中央ﾋﾞﾙ 6F</v>
          </cell>
          <cell r="I198" t="str">
            <v>03-5218-6234</v>
          </cell>
          <cell r="J198" t="str">
            <v>3286-5168</v>
          </cell>
        </row>
        <row r="199">
          <cell r="A199">
            <v>198</v>
          </cell>
          <cell r="B199" t="str">
            <v>東洋貿易㈱</v>
          </cell>
          <cell r="C199" t="str">
            <v>東洋貿易㈱</v>
          </cell>
          <cell r="D199" t="str">
            <v>営業部</v>
          </cell>
          <cell r="E199" t="str">
            <v>420-0042</v>
          </cell>
          <cell r="F199" t="str">
            <v>張　　裕美</v>
          </cell>
          <cell r="G199" t="str">
            <v>420-0042</v>
          </cell>
          <cell r="H199" t="str">
            <v>静岡市葵区駒形通１－１－２９</v>
          </cell>
          <cell r="I199" t="str">
            <v>054-254-0148</v>
          </cell>
          <cell r="J199">
            <v>0</v>
          </cell>
        </row>
        <row r="200">
          <cell r="A200">
            <v>199</v>
          </cell>
          <cell r="B200" t="str">
            <v>武蔵精密工業㈱</v>
          </cell>
          <cell r="C200" t="str">
            <v>武蔵精密工業㈱</v>
          </cell>
          <cell r="D200" t="str">
            <v>品質保証部本部　品質企画課</v>
          </cell>
          <cell r="E200" t="str">
            <v>主事</v>
          </cell>
          <cell r="F200" t="str">
            <v>今泉　光</v>
          </cell>
          <cell r="G200" t="str">
            <v>441-8560</v>
          </cell>
          <cell r="H200" t="str">
            <v>愛知県豊橋市植田町字大膳39-5</v>
          </cell>
          <cell r="I200" t="str">
            <v>0532-47-3634</v>
          </cell>
          <cell r="J200" t="str">
            <v>25-7201</v>
          </cell>
        </row>
        <row r="201">
          <cell r="A201">
            <v>200</v>
          </cell>
          <cell r="B201" t="str">
            <v>碧海工機株式会社</v>
          </cell>
          <cell r="C201" t="str">
            <v>碧海工機株式会社</v>
          </cell>
          <cell r="D201" t="str">
            <v>営業課</v>
          </cell>
          <cell r="E201" t="str">
            <v>444-0324</v>
          </cell>
          <cell r="F201" t="str">
            <v>尾崎　清和</v>
          </cell>
          <cell r="G201" t="str">
            <v>444-0324</v>
          </cell>
          <cell r="H201" t="str">
            <v>愛知県西尾市寺津町四ノ割横道東８</v>
          </cell>
          <cell r="I201" t="str">
            <v>0563-59-2330</v>
          </cell>
          <cell r="J201" t="str">
            <v>0563-59-2341</v>
          </cell>
        </row>
        <row r="202">
          <cell r="A202">
            <v>201</v>
          </cell>
          <cell r="B202" t="str">
            <v>碧海工業㈱</v>
          </cell>
          <cell r="C202" t="str">
            <v>碧海工業㈱</v>
          </cell>
          <cell r="D202" t="str">
            <v>品質保証部本社品質保証課</v>
          </cell>
          <cell r="E202" t="str">
            <v>444-0324</v>
          </cell>
          <cell r="F202" t="str">
            <v>木村　直樹</v>
          </cell>
          <cell r="G202" t="str">
            <v>444-0324</v>
          </cell>
          <cell r="H202" t="str">
            <v>西尾市寺津四ノ割横道東8</v>
          </cell>
          <cell r="I202" t="str">
            <v>0563-59-2335</v>
          </cell>
        </row>
        <row r="203">
          <cell r="A203">
            <v>202</v>
          </cell>
          <cell r="B203" t="str">
            <v>豊田工機㈱</v>
          </cell>
          <cell r="C203" t="str">
            <v>豊田工機㈱</v>
          </cell>
          <cell r="D203" t="str">
            <v>ＴＱＭ推進室</v>
          </cell>
          <cell r="E203" t="str">
            <v/>
          </cell>
          <cell r="F203" t="str">
            <v>斉藤　助人</v>
          </cell>
          <cell r="G203" t="str">
            <v>448-8652</v>
          </cell>
          <cell r="H203" t="str">
            <v>愛知県刈谷市朝日町１－１</v>
          </cell>
          <cell r="I203" t="str">
            <v>0566-25-5180</v>
          </cell>
          <cell r="J203" t="str">
            <v>25-6185</v>
          </cell>
        </row>
        <row r="204">
          <cell r="A204">
            <v>203</v>
          </cell>
          <cell r="B204" t="str">
            <v>松浦梱包輸送㈱</v>
          </cell>
          <cell r="C204" t="str">
            <v>松浦梱包輸送㈱</v>
          </cell>
          <cell r="D204" t="str">
            <v>総務</v>
          </cell>
          <cell r="E204" t="str">
            <v>436-0034</v>
          </cell>
          <cell r="F204" t="str">
            <v xml:space="preserve">徳本　照信 </v>
          </cell>
          <cell r="G204" t="str">
            <v>436-0034</v>
          </cell>
          <cell r="H204" t="str">
            <v>静岡県掛川市梅橋351-1</v>
          </cell>
          <cell r="I204" t="str">
            <v>0537-24-1760</v>
          </cell>
          <cell r="J204" t="str">
            <v>24-3183</v>
          </cell>
        </row>
        <row r="205">
          <cell r="A205">
            <v>204</v>
          </cell>
          <cell r="B205" t="str">
            <v>グルンドフォスポンプ㈱</v>
          </cell>
          <cell r="C205" t="str">
            <v>グルンドフォスポンプ㈱</v>
          </cell>
          <cell r="D205" t="str">
            <v>製造部</v>
          </cell>
          <cell r="E205" t="str">
            <v>431-2103</v>
          </cell>
          <cell r="F205" t="str">
            <v>伊藤　淳</v>
          </cell>
          <cell r="G205" t="str">
            <v>431-2103</v>
          </cell>
          <cell r="H205" t="str">
            <v>浜松市新都田1丁目2-3</v>
          </cell>
          <cell r="I205" t="str">
            <v>053-428-4753</v>
          </cell>
          <cell r="J205" t="str">
            <v>484-1013</v>
          </cell>
        </row>
        <row r="206">
          <cell r="A206">
            <v>205</v>
          </cell>
          <cell r="B206" t="str">
            <v>㈱ノダ清水事業所</v>
          </cell>
          <cell r="C206" t="str">
            <v>㈱ノダ清水事業所</v>
          </cell>
          <cell r="D206" t="str">
            <v>常務取締役繊維板事業部長</v>
          </cell>
          <cell r="E206" t="str">
            <v>424-0906</v>
          </cell>
          <cell r="F206" t="str">
            <v>渡辺　星一</v>
          </cell>
          <cell r="G206" t="str">
            <v>424-0906</v>
          </cell>
          <cell r="H206" t="str">
            <v>静岡市清水区駒越北町１３－１</v>
          </cell>
          <cell r="I206" t="str">
            <v>0543-35-2207</v>
          </cell>
        </row>
        <row r="207">
          <cell r="A207">
            <v>206</v>
          </cell>
          <cell r="B207" t="str">
            <v>静岡ワイヤーハーネス㈱</v>
          </cell>
          <cell r="C207" t="str">
            <v>静岡ワイヤーハーネス㈱</v>
          </cell>
          <cell r="D207" t="str">
            <v>総務課</v>
          </cell>
          <cell r="E207" t="str">
            <v>係長</v>
          </cell>
          <cell r="F207" t="str">
            <v>富田　聡司</v>
          </cell>
          <cell r="G207" t="str">
            <v>424-0055</v>
          </cell>
          <cell r="H207" t="str">
            <v>静岡市清水吉川８１３番地の１</v>
          </cell>
          <cell r="I207" t="str">
            <v>0543-45-1818</v>
          </cell>
          <cell r="J207" t="str">
            <v>48-3910</v>
          </cell>
        </row>
      </sheetData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般"/>
      <sheetName val="役職"/>
      <sheetName val="リスト"/>
      <sheetName val="ｽｹｼﾞｭｰﾙ"/>
      <sheetName val="チェック表"/>
      <sheetName val="封筒宛名"/>
    </sheetNames>
    <sheetDataSet>
      <sheetData sheetId="0"/>
      <sheetData sheetId="1"/>
      <sheetData sheetId="2">
        <row r="5">
          <cell r="J5" t="str">
            <v>所属</v>
          </cell>
          <cell r="K5" t="str">
            <v>氏名</v>
          </cell>
        </row>
        <row r="6">
          <cell r="I6">
            <v>1</v>
          </cell>
          <cell r="J6" t="str">
            <v>二輪工場　管理ブロック</v>
          </cell>
          <cell r="K6" t="str">
            <v>山本 勝之進</v>
          </cell>
        </row>
        <row r="7">
          <cell r="I7">
            <v>2</v>
          </cell>
          <cell r="J7" t="str">
            <v>管理部　総務ブロック所属（休職）</v>
          </cell>
          <cell r="K7" t="str">
            <v>大塩 弘太郎</v>
          </cell>
        </row>
        <row r="8">
          <cell r="I8">
            <v>3</v>
          </cell>
          <cell r="J8" t="str">
            <v>四輪工場　品質ブロック</v>
          </cell>
          <cell r="K8" t="str">
            <v>大野　　忠</v>
          </cell>
        </row>
        <row r="9">
          <cell r="I9">
            <v>4</v>
          </cell>
          <cell r="J9" t="str">
            <v>二輪工場　車製モジュール</v>
          </cell>
          <cell r="K9" t="str">
            <v>鈴木　萬正</v>
          </cell>
        </row>
        <row r="10">
          <cell r="I10">
            <v>5</v>
          </cell>
          <cell r="J10" t="str">
            <v>四輪工場　Ｆｅ機械モジュール</v>
          </cell>
          <cell r="K10" t="str">
            <v>窪野　晴久</v>
          </cell>
        </row>
        <row r="11">
          <cell r="I11">
            <v>6</v>
          </cell>
          <cell r="J11" t="str">
            <v>四輪工場　Ｆｅ機械モジュール</v>
          </cell>
          <cell r="K11" t="str">
            <v>川井　武則</v>
          </cell>
        </row>
        <row r="12">
          <cell r="I12">
            <v>7</v>
          </cell>
          <cell r="J12" t="str">
            <v>汎用機工場　機械モジュール</v>
          </cell>
          <cell r="K12" t="str">
            <v>幸田　　篤</v>
          </cell>
        </row>
        <row r="13">
          <cell r="I13">
            <v>8</v>
          </cell>
          <cell r="J13" t="str">
            <v>四輪工場　Ａｌ機械モジュール</v>
          </cell>
          <cell r="K13" t="str">
            <v>伊沢　進兵</v>
          </cell>
        </row>
        <row r="14">
          <cell r="I14">
            <v>9</v>
          </cell>
          <cell r="J14" t="str">
            <v>生産業務室　技術推進ブロック</v>
          </cell>
          <cell r="K14" t="str">
            <v>佐藤　正志</v>
          </cell>
        </row>
        <row r="15">
          <cell r="I15">
            <v>10</v>
          </cell>
          <cell r="J15" t="str">
            <v>汎用機工場　管理ブロック</v>
          </cell>
          <cell r="K15" t="str">
            <v>松井　義仁</v>
          </cell>
        </row>
        <row r="16">
          <cell r="I16">
            <v>11</v>
          </cell>
          <cell r="J16" t="str">
            <v>管理部　購買ブロック</v>
          </cell>
          <cell r="K16" t="str">
            <v>梶葉　欣示</v>
          </cell>
        </row>
        <row r="17">
          <cell r="I17">
            <v>12</v>
          </cell>
          <cell r="J17" t="str">
            <v>生産業務室　施設管理ブロック</v>
          </cell>
          <cell r="K17" t="str">
            <v>西本　喨治</v>
          </cell>
        </row>
        <row r="18">
          <cell r="I18">
            <v>13</v>
          </cell>
          <cell r="J18" t="str">
            <v>四輪工場　Ｆｅ機械モジュール</v>
          </cell>
          <cell r="K18" t="str">
            <v>太田　克美</v>
          </cell>
        </row>
      </sheetData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L106"/>
  <sheetViews>
    <sheetView showZeros="0" tabSelected="1" view="pageBreakPreview" zoomScaleNormal="100" zoomScaleSheetLayoutView="100" workbookViewId="0">
      <selection activeCell="AL12" sqref="AL12"/>
    </sheetView>
  </sheetViews>
  <sheetFormatPr defaultColWidth="9" defaultRowHeight="13" x14ac:dyDescent="0.2"/>
  <cols>
    <col min="1" max="1" width="4.08984375" style="1" customWidth="1"/>
    <col min="2" max="2" width="3.6328125" style="1" customWidth="1"/>
    <col min="3" max="4" width="6.6328125" style="1" customWidth="1"/>
    <col min="5" max="6" width="3.08984375" style="1" customWidth="1"/>
    <col min="7" max="7" width="3.26953125" style="1" customWidth="1"/>
    <col min="8" max="13" width="3.08984375" style="1" customWidth="1"/>
    <col min="14" max="14" width="4.90625" style="1" customWidth="1"/>
    <col min="15" max="16" width="3.08984375" style="1" customWidth="1"/>
    <col min="17" max="17" width="3.26953125" style="1" customWidth="1"/>
    <col min="18" max="29" width="2.6328125" style="1" customWidth="1"/>
    <col min="30" max="30" width="2.90625" style="1" customWidth="1"/>
    <col min="31" max="31" width="4" style="1" customWidth="1"/>
    <col min="32" max="32" width="1.6328125" style="1" customWidth="1"/>
    <col min="33" max="16384" width="9" style="1"/>
  </cols>
  <sheetData>
    <row r="1" spans="1:38" s="44" customFormat="1" ht="18" customHeight="1" x14ac:dyDescent="0.2">
      <c r="A1" s="43"/>
      <c r="B1" s="152" t="s">
        <v>30</v>
      </c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152"/>
      <c r="R1" s="152"/>
      <c r="S1" s="152"/>
      <c r="T1" s="152"/>
      <c r="U1" s="152"/>
      <c r="V1" s="152"/>
      <c r="W1" s="152"/>
      <c r="X1" s="152"/>
      <c r="Y1" s="152"/>
      <c r="Z1" s="152"/>
      <c r="AA1" s="152"/>
      <c r="AB1" s="152"/>
      <c r="AC1" s="153"/>
      <c r="AD1" s="153"/>
      <c r="AE1" s="154"/>
      <c r="AF1" s="54"/>
    </row>
    <row r="2" spans="1:38" s="44" customFormat="1" ht="18" customHeight="1" x14ac:dyDescent="0.2">
      <c r="A2" s="43"/>
      <c r="B2" s="152"/>
      <c r="C2" s="152"/>
      <c r="D2" s="152"/>
      <c r="E2" s="152"/>
      <c r="F2" s="152"/>
      <c r="G2" s="152"/>
      <c r="H2" s="152"/>
      <c r="I2" s="152"/>
      <c r="J2" s="152"/>
      <c r="K2" s="152"/>
      <c r="L2" s="152"/>
      <c r="M2" s="152"/>
      <c r="N2" s="152"/>
      <c r="O2" s="152"/>
      <c r="P2" s="152"/>
      <c r="Q2" s="152"/>
      <c r="R2" s="152"/>
      <c r="S2" s="152"/>
      <c r="T2" s="152"/>
      <c r="U2" s="152"/>
      <c r="V2" s="152"/>
      <c r="W2" s="152"/>
      <c r="X2" s="152"/>
      <c r="Y2" s="152"/>
      <c r="Z2" s="152"/>
      <c r="AA2" s="152"/>
      <c r="AB2" s="152"/>
      <c r="AC2" s="153"/>
      <c r="AD2" s="153"/>
      <c r="AE2" s="154"/>
      <c r="AF2" s="54"/>
      <c r="AL2" s="43"/>
    </row>
    <row r="3" spans="1:38" ht="18" customHeight="1" thickBot="1" x14ac:dyDescent="0.25">
      <c r="A3" s="6"/>
      <c r="B3" s="6" t="s">
        <v>0</v>
      </c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8"/>
      <c r="R3" s="8"/>
      <c r="S3" s="8"/>
      <c r="T3" s="8"/>
      <c r="U3" s="8"/>
      <c r="V3" s="8"/>
      <c r="W3" s="8"/>
      <c r="X3" s="7"/>
      <c r="Y3" s="7"/>
      <c r="Z3" s="7"/>
      <c r="AA3" s="7"/>
      <c r="AB3" s="7"/>
      <c r="AC3" s="7"/>
      <c r="AD3" s="7"/>
      <c r="AE3" s="7"/>
      <c r="AF3" s="53"/>
    </row>
    <row r="4" spans="1:38" ht="21" customHeight="1" x14ac:dyDescent="0.2">
      <c r="A4" s="45"/>
      <c r="B4" s="9" t="s">
        <v>24</v>
      </c>
      <c r="C4" s="10" t="s">
        <v>1</v>
      </c>
      <c r="D4" s="155"/>
      <c r="E4" s="156"/>
      <c r="F4" s="156"/>
      <c r="G4" s="157"/>
      <c r="H4" s="52"/>
      <c r="I4" s="28"/>
      <c r="J4" s="28"/>
      <c r="K4" s="28"/>
      <c r="L4" s="29"/>
      <c r="M4" s="29"/>
      <c r="N4" s="29"/>
      <c r="O4" s="30"/>
      <c r="P4" s="7"/>
      <c r="Q4" s="59" t="s">
        <v>55</v>
      </c>
      <c r="R4" s="11"/>
      <c r="S4" s="12"/>
      <c r="T4" s="13"/>
      <c r="U4" s="13"/>
      <c r="V4" s="13"/>
      <c r="W4" s="13"/>
      <c r="X4" s="13"/>
      <c r="Y4" s="13"/>
      <c r="Z4" s="13"/>
      <c r="AA4" s="13"/>
      <c r="AB4" s="13"/>
      <c r="AC4" s="13"/>
      <c r="AD4" s="13"/>
      <c r="AE4" s="14"/>
      <c r="AF4" s="55"/>
    </row>
    <row r="5" spans="1:38" ht="15" customHeight="1" x14ac:dyDescent="0.2">
      <c r="A5" s="45"/>
      <c r="B5" s="31" t="s">
        <v>25</v>
      </c>
      <c r="C5" s="31"/>
      <c r="D5" s="31"/>
      <c r="E5" s="31"/>
      <c r="F5" s="31"/>
      <c r="G5" s="31"/>
      <c r="H5" s="31"/>
      <c r="I5" s="31"/>
      <c r="J5" s="31"/>
      <c r="K5" s="31"/>
      <c r="L5" s="31"/>
      <c r="M5" s="31"/>
      <c r="N5" s="31"/>
      <c r="O5" s="32"/>
      <c r="P5" s="7"/>
      <c r="Q5" s="121" t="s">
        <v>31</v>
      </c>
      <c r="R5" s="122"/>
      <c r="S5" s="122"/>
      <c r="T5" s="122"/>
      <c r="U5" s="122"/>
      <c r="V5" s="122"/>
      <c r="W5" s="122"/>
      <c r="X5" s="122"/>
      <c r="Y5" s="122"/>
      <c r="Z5" s="122"/>
      <c r="AA5" s="122"/>
      <c r="AB5" s="122"/>
      <c r="AC5" s="122"/>
      <c r="AD5" s="122"/>
      <c r="AE5" s="123"/>
      <c r="AF5" s="55"/>
    </row>
    <row r="6" spans="1:38" ht="14.25" customHeight="1" x14ac:dyDescent="0.2">
      <c r="A6" s="45"/>
      <c r="B6" s="16"/>
      <c r="C6" s="171"/>
      <c r="D6" s="171"/>
      <c r="E6" s="171"/>
      <c r="F6" s="171"/>
      <c r="G6" s="171"/>
      <c r="H6" s="171"/>
      <c r="I6" s="171"/>
      <c r="J6" s="171"/>
      <c r="K6" s="171"/>
      <c r="L6" s="171"/>
      <c r="M6" s="171"/>
      <c r="N6" s="171"/>
      <c r="O6" s="15"/>
      <c r="P6" s="7"/>
      <c r="Q6" s="124"/>
      <c r="R6" s="125"/>
      <c r="S6" s="125"/>
      <c r="T6" s="125"/>
      <c r="U6" s="125"/>
      <c r="V6" s="125"/>
      <c r="W6" s="125"/>
      <c r="X6" s="125"/>
      <c r="Y6" s="125"/>
      <c r="Z6" s="125"/>
      <c r="AA6" s="125"/>
      <c r="AB6" s="125"/>
      <c r="AC6" s="125"/>
      <c r="AD6" s="125"/>
      <c r="AE6" s="126"/>
      <c r="AF6" s="55"/>
    </row>
    <row r="7" spans="1:38" ht="14.25" customHeight="1" x14ac:dyDescent="0.2">
      <c r="A7" s="45"/>
      <c r="B7" s="7"/>
      <c r="C7" s="172"/>
      <c r="D7" s="172"/>
      <c r="E7" s="172"/>
      <c r="F7" s="172"/>
      <c r="G7" s="172"/>
      <c r="H7" s="172"/>
      <c r="I7" s="172"/>
      <c r="J7" s="172"/>
      <c r="K7" s="172"/>
      <c r="L7" s="172"/>
      <c r="M7" s="172"/>
      <c r="N7" s="172"/>
      <c r="O7" s="15"/>
      <c r="P7" s="7"/>
      <c r="Q7" s="158" t="s">
        <v>2</v>
      </c>
      <c r="R7" s="161" t="s">
        <v>36</v>
      </c>
      <c r="S7" s="162"/>
      <c r="T7" s="162"/>
      <c r="U7" s="162"/>
      <c r="V7" s="162"/>
      <c r="W7" s="162"/>
      <c r="X7" s="162"/>
      <c r="Y7" s="162"/>
      <c r="Z7" s="162"/>
      <c r="AA7" s="162"/>
      <c r="AB7" s="162"/>
      <c r="AC7" s="162"/>
      <c r="AD7" s="162"/>
      <c r="AE7" s="163"/>
      <c r="AF7" s="55"/>
    </row>
    <row r="8" spans="1:38" ht="15" customHeight="1" x14ac:dyDescent="0.2">
      <c r="A8" s="45"/>
      <c r="B8" s="31" t="s">
        <v>26</v>
      </c>
      <c r="C8" s="33"/>
      <c r="D8" s="33"/>
      <c r="E8" s="33"/>
      <c r="F8" s="33"/>
      <c r="G8" s="33"/>
      <c r="H8" s="33"/>
      <c r="I8" s="33"/>
      <c r="J8" s="33"/>
      <c r="K8" s="33"/>
      <c r="L8" s="33"/>
      <c r="M8" s="33"/>
      <c r="N8" s="33"/>
      <c r="O8" s="32"/>
      <c r="P8" s="7"/>
      <c r="Q8" s="159"/>
      <c r="R8" s="164"/>
      <c r="S8" s="164"/>
      <c r="T8" s="164"/>
      <c r="U8" s="164"/>
      <c r="V8" s="164"/>
      <c r="W8" s="164"/>
      <c r="X8" s="164"/>
      <c r="Y8" s="164"/>
      <c r="Z8" s="164"/>
      <c r="AA8" s="164"/>
      <c r="AB8" s="164"/>
      <c r="AC8" s="164"/>
      <c r="AD8" s="164"/>
      <c r="AE8" s="165"/>
      <c r="AF8" s="55"/>
    </row>
    <row r="9" spans="1:38" ht="14.25" customHeight="1" x14ac:dyDescent="0.2">
      <c r="A9" s="45"/>
      <c r="B9" s="7"/>
      <c r="C9" s="171"/>
      <c r="D9" s="171"/>
      <c r="E9" s="171"/>
      <c r="F9" s="171"/>
      <c r="G9" s="171"/>
      <c r="H9" s="171"/>
      <c r="I9" s="171"/>
      <c r="J9" s="171"/>
      <c r="K9" s="171"/>
      <c r="L9" s="171"/>
      <c r="M9" s="171"/>
      <c r="N9" s="171"/>
      <c r="O9" s="15"/>
      <c r="P9" s="7"/>
      <c r="Q9" s="159"/>
      <c r="R9" s="166"/>
      <c r="S9" s="164"/>
      <c r="T9" s="164"/>
      <c r="U9" s="164"/>
      <c r="V9" s="164"/>
      <c r="W9" s="164"/>
      <c r="X9" s="164"/>
      <c r="Y9" s="164"/>
      <c r="Z9" s="164"/>
      <c r="AA9" s="164"/>
      <c r="AB9" s="164"/>
      <c r="AC9" s="164"/>
      <c r="AD9" s="164"/>
      <c r="AE9" s="165"/>
      <c r="AF9" s="55"/>
    </row>
    <row r="10" spans="1:38" ht="14.25" customHeight="1" x14ac:dyDescent="0.2">
      <c r="A10" s="45"/>
      <c r="B10" s="7"/>
      <c r="C10" s="172"/>
      <c r="D10" s="172"/>
      <c r="E10" s="172"/>
      <c r="F10" s="172"/>
      <c r="G10" s="172"/>
      <c r="H10" s="172"/>
      <c r="I10" s="172"/>
      <c r="J10" s="172"/>
      <c r="K10" s="172"/>
      <c r="L10" s="172"/>
      <c r="M10" s="172"/>
      <c r="N10" s="172"/>
      <c r="O10" s="15"/>
      <c r="P10" s="7"/>
      <c r="Q10" s="159"/>
      <c r="R10" s="16"/>
      <c r="S10" s="7" t="s">
        <v>37</v>
      </c>
      <c r="T10" s="17"/>
      <c r="U10" s="17"/>
      <c r="V10" s="17"/>
      <c r="W10" s="7"/>
      <c r="X10" s="7"/>
      <c r="Y10" s="7"/>
      <c r="Z10" s="7"/>
      <c r="AA10" s="7"/>
      <c r="AB10" s="7"/>
      <c r="AC10" s="7"/>
      <c r="AD10" s="7"/>
      <c r="AE10" s="18"/>
      <c r="AF10" s="55"/>
    </row>
    <row r="11" spans="1:38" ht="15" customHeight="1" x14ac:dyDescent="0.2">
      <c r="A11" s="45"/>
      <c r="B11" s="34" t="s">
        <v>3</v>
      </c>
      <c r="C11" s="35"/>
      <c r="D11" s="27"/>
      <c r="E11" s="27"/>
      <c r="F11" s="27"/>
      <c r="G11" s="34" t="s">
        <v>4</v>
      </c>
      <c r="H11" s="35"/>
      <c r="I11" s="36"/>
      <c r="J11" s="36"/>
      <c r="K11" s="36"/>
      <c r="L11" s="31"/>
      <c r="M11" s="31"/>
      <c r="N11" s="31"/>
      <c r="O11" s="32"/>
      <c r="P11" s="7"/>
      <c r="Q11" s="159"/>
      <c r="R11" s="7"/>
      <c r="S11" s="7" t="s">
        <v>38</v>
      </c>
      <c r="T11" s="7"/>
      <c r="U11" s="7"/>
      <c r="V11" s="7"/>
      <c r="W11" s="7"/>
      <c r="X11" s="7"/>
      <c r="Y11" s="7"/>
      <c r="Z11" s="7"/>
      <c r="AA11" s="7"/>
      <c r="AB11" s="7"/>
      <c r="AC11" s="7"/>
      <c r="AD11" s="7"/>
      <c r="AE11" s="18"/>
      <c r="AF11" s="55"/>
    </row>
    <row r="12" spans="1:38" ht="14.25" customHeight="1" x14ac:dyDescent="0.2">
      <c r="A12" s="45"/>
      <c r="B12" s="17"/>
      <c r="C12" s="167" t="s">
        <v>48</v>
      </c>
      <c r="D12" s="168"/>
      <c r="E12" s="168"/>
      <c r="F12" s="168"/>
      <c r="G12" s="7"/>
      <c r="H12" s="167" ph="1"/>
      <c r="I12" s="167" ph="1"/>
      <c r="J12" s="167" ph="1"/>
      <c r="K12" s="167" ph="1"/>
      <c r="L12" s="167" ph="1"/>
      <c r="M12" s="167" ph="1"/>
      <c r="N12" s="167" ph="1"/>
      <c r="O12" s="15"/>
      <c r="P12" s="7"/>
      <c r="Q12" s="159"/>
      <c r="R12" s="7"/>
      <c r="S12" s="7" t="s">
        <v>57</v>
      </c>
      <c r="T12" s="7"/>
      <c r="U12" s="7"/>
      <c r="V12" s="7"/>
      <c r="W12" s="7"/>
      <c r="X12" s="7"/>
      <c r="Y12" s="7"/>
      <c r="Z12" s="7"/>
      <c r="AA12" s="7"/>
      <c r="AB12" s="7"/>
      <c r="AC12" s="7"/>
      <c r="AD12" s="7"/>
      <c r="AE12" s="18"/>
      <c r="AF12" s="55"/>
    </row>
    <row r="13" spans="1:38" ht="14.25" customHeight="1" x14ac:dyDescent="0.2">
      <c r="A13" s="45"/>
      <c r="B13" s="7"/>
      <c r="C13" s="169"/>
      <c r="D13" s="169"/>
      <c r="E13" s="169"/>
      <c r="F13" s="169"/>
      <c r="G13" s="7"/>
      <c r="H13" s="170" ph="1"/>
      <c r="I13" s="170" ph="1"/>
      <c r="J13" s="170" ph="1"/>
      <c r="K13" s="170" ph="1"/>
      <c r="L13" s="170" ph="1"/>
      <c r="M13" s="170" ph="1"/>
      <c r="N13" s="170" ph="1"/>
      <c r="O13" s="15"/>
      <c r="P13" s="7"/>
      <c r="Q13" s="159"/>
      <c r="R13" s="19" ph="1"/>
      <c r="S13" s="7"/>
      <c r="T13" s="7" t="s">
        <v>56</v>
      </c>
      <c r="U13" s="7"/>
      <c r="V13" s="7"/>
      <c r="W13" s="7"/>
      <c r="X13" s="7"/>
      <c r="Y13" s="7"/>
      <c r="Z13" s="7"/>
      <c r="AA13" s="7"/>
      <c r="AB13" s="7"/>
      <c r="AC13" s="7"/>
      <c r="AD13" s="7"/>
      <c r="AE13" s="18"/>
      <c r="AF13" s="55"/>
    </row>
    <row r="14" spans="1:38" ht="15" customHeight="1" x14ac:dyDescent="0.2">
      <c r="A14" s="45"/>
      <c r="B14" s="31" t="s">
        <v>27</v>
      </c>
      <c r="C14" s="37"/>
      <c r="D14" s="33"/>
      <c r="E14" s="33"/>
      <c r="F14" s="33"/>
      <c r="G14" s="33"/>
      <c r="H14" s="33"/>
      <c r="I14" s="33"/>
      <c r="J14" s="33"/>
      <c r="K14" s="33"/>
      <c r="L14" s="33"/>
      <c r="M14" s="33"/>
      <c r="N14" s="33"/>
      <c r="O14" s="15"/>
      <c r="P14" s="7"/>
      <c r="Q14" s="159"/>
      <c r="R14" s="31"/>
      <c r="S14" s="31"/>
      <c r="T14" s="31"/>
      <c r="U14" s="37"/>
      <c r="V14" s="37"/>
      <c r="W14" s="37"/>
      <c r="X14" s="37"/>
      <c r="Y14" s="37"/>
      <c r="Z14" s="37"/>
      <c r="AA14" s="37"/>
      <c r="AB14" s="37"/>
      <c r="AC14" s="37"/>
      <c r="AD14" s="37"/>
      <c r="AE14" s="42"/>
      <c r="AF14" s="55"/>
    </row>
    <row r="15" spans="1:38" ht="15" customHeight="1" x14ac:dyDescent="0.2">
      <c r="A15" s="45"/>
      <c r="B15" s="17"/>
      <c r="C15" s="142"/>
      <c r="D15" s="143"/>
      <c r="E15" s="143"/>
      <c r="F15" s="143"/>
      <c r="G15" s="143"/>
      <c r="H15" s="143"/>
      <c r="I15" s="143"/>
      <c r="J15" s="143"/>
      <c r="K15" s="143"/>
      <c r="L15" s="143"/>
      <c r="M15" s="143"/>
      <c r="N15" s="143"/>
      <c r="O15" s="15"/>
      <c r="P15" s="7"/>
      <c r="Q15" s="159"/>
      <c r="R15" s="31" t="s">
        <v>39</v>
      </c>
      <c r="S15" s="31"/>
      <c r="T15" s="31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42"/>
      <c r="AF15" s="55"/>
    </row>
    <row r="16" spans="1:38" ht="15" customHeight="1" x14ac:dyDescent="0.2">
      <c r="A16" s="45"/>
      <c r="B16" s="34" t="s">
        <v>28</v>
      </c>
      <c r="C16" s="39"/>
      <c r="D16" s="39"/>
      <c r="E16" s="39"/>
      <c r="F16" s="39"/>
      <c r="G16" s="40" t="s">
        <v>5</v>
      </c>
      <c r="H16" s="40"/>
      <c r="I16" s="41"/>
      <c r="J16" s="41"/>
      <c r="K16" s="41"/>
      <c r="L16" s="41"/>
      <c r="M16" s="41"/>
      <c r="N16" s="41"/>
      <c r="O16" s="15"/>
      <c r="P16" s="7"/>
      <c r="Q16" s="159"/>
      <c r="R16" s="23" t="s">
        <v>40</v>
      </c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4"/>
      <c r="AF16" s="55"/>
    </row>
    <row r="17" spans="1:32" ht="15" customHeight="1" x14ac:dyDescent="0.2">
      <c r="A17" s="45"/>
      <c r="B17" s="6"/>
      <c r="C17" s="143"/>
      <c r="D17" s="143"/>
      <c r="E17" s="143"/>
      <c r="F17" s="143"/>
      <c r="G17" s="38"/>
      <c r="H17" s="143"/>
      <c r="I17" s="143"/>
      <c r="J17" s="143"/>
      <c r="K17" s="143"/>
      <c r="L17" s="143"/>
      <c r="M17" s="143"/>
      <c r="N17" s="143"/>
      <c r="O17" s="15"/>
      <c r="P17" s="7"/>
      <c r="Q17" s="159"/>
      <c r="R17" s="23"/>
      <c r="S17" s="23"/>
      <c r="T17" s="23"/>
      <c r="U17" s="23"/>
      <c r="V17" s="23"/>
      <c r="W17" s="23"/>
      <c r="X17" s="23"/>
      <c r="Y17" s="23"/>
      <c r="Z17" s="23"/>
      <c r="AA17" s="23"/>
      <c r="AB17" s="23"/>
      <c r="AC17" s="23"/>
      <c r="AD17" s="23"/>
      <c r="AE17" s="24"/>
      <c r="AF17" s="55"/>
    </row>
    <row r="18" spans="1:32" ht="5.25" customHeight="1" thickBot="1" x14ac:dyDescent="0.25">
      <c r="A18" s="45"/>
      <c r="B18" s="20"/>
      <c r="C18" s="21" t="s">
        <v>6</v>
      </c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21"/>
      <c r="O18" s="22"/>
      <c r="P18" s="7"/>
      <c r="Q18" s="160"/>
      <c r="R18" s="100"/>
      <c r="S18" s="100"/>
      <c r="T18" s="100"/>
      <c r="U18" s="100"/>
      <c r="V18" s="100"/>
      <c r="W18" s="100"/>
      <c r="X18" s="100"/>
      <c r="Y18" s="100"/>
      <c r="Z18" s="100"/>
      <c r="AA18" s="100"/>
      <c r="AB18" s="100"/>
      <c r="AC18" s="100"/>
      <c r="AD18" s="100"/>
      <c r="AE18" s="101"/>
      <c r="AF18" s="55"/>
    </row>
    <row r="19" spans="1:32" ht="20.149999999999999" customHeight="1" x14ac:dyDescent="0.2">
      <c r="A19" s="3"/>
      <c r="B19" s="3"/>
      <c r="C19" s="26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55"/>
    </row>
    <row r="20" spans="1:32" ht="18" customHeight="1" thickBot="1" x14ac:dyDescent="0.25">
      <c r="A20" s="2"/>
      <c r="B20" s="25" t="s">
        <v>41</v>
      </c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55"/>
    </row>
    <row r="21" spans="1:32" ht="15.75" customHeight="1" x14ac:dyDescent="0.15">
      <c r="A21" s="46"/>
      <c r="B21" s="68" t="s">
        <v>7</v>
      </c>
      <c r="C21" s="144" t="s">
        <v>54</v>
      </c>
      <c r="D21" s="145"/>
      <c r="E21" s="106" t="s">
        <v>42</v>
      </c>
      <c r="F21" s="107"/>
      <c r="G21" s="107"/>
      <c r="H21" s="107"/>
      <c r="I21" s="107"/>
      <c r="J21" s="108"/>
      <c r="K21" s="80" t="s">
        <v>8</v>
      </c>
      <c r="L21" s="80"/>
      <c r="M21" s="66" t="s">
        <v>9</v>
      </c>
      <c r="N21" s="67"/>
      <c r="O21" s="67"/>
      <c r="P21" s="67"/>
      <c r="Q21" s="67"/>
      <c r="R21" s="67"/>
      <c r="S21" s="67"/>
      <c r="T21" s="68"/>
      <c r="U21" s="80" t="s">
        <v>10</v>
      </c>
      <c r="V21" s="80"/>
      <c r="W21" s="80"/>
      <c r="X21" s="104" t="s">
        <v>11</v>
      </c>
      <c r="Y21" s="104"/>
      <c r="Z21" s="104"/>
      <c r="AA21" s="104"/>
      <c r="AB21" s="104"/>
      <c r="AC21" s="104"/>
      <c r="AD21" s="104"/>
      <c r="AE21" s="105"/>
      <c r="AF21" s="55"/>
    </row>
    <row r="22" spans="1:32" ht="15.75" customHeight="1" x14ac:dyDescent="0.2">
      <c r="A22" s="46"/>
      <c r="B22" s="71"/>
      <c r="C22" s="146"/>
      <c r="D22" s="147"/>
      <c r="E22" s="109" t="s">
        <v>12</v>
      </c>
      <c r="F22" s="110"/>
      <c r="G22" s="110"/>
      <c r="H22" s="110"/>
      <c r="I22" s="110"/>
      <c r="J22" s="111"/>
      <c r="K22" s="81"/>
      <c r="L22" s="81"/>
      <c r="M22" s="69"/>
      <c r="N22" s="70"/>
      <c r="O22" s="70"/>
      <c r="P22" s="70"/>
      <c r="Q22" s="70"/>
      <c r="R22" s="70"/>
      <c r="S22" s="70"/>
      <c r="T22" s="71"/>
      <c r="U22" s="81"/>
      <c r="V22" s="81"/>
      <c r="W22" s="81"/>
      <c r="X22" s="102" t="s">
        <v>13</v>
      </c>
      <c r="Y22" s="102"/>
      <c r="Z22" s="102"/>
      <c r="AA22" s="102"/>
      <c r="AB22" s="102"/>
      <c r="AC22" s="102" t="s">
        <v>14</v>
      </c>
      <c r="AD22" s="102"/>
      <c r="AE22" s="103"/>
      <c r="AF22" s="55"/>
    </row>
    <row r="23" spans="1:32" ht="15" customHeight="1" x14ac:dyDescent="0.2">
      <c r="A23" s="46"/>
      <c r="B23" s="84" t="s">
        <v>15</v>
      </c>
      <c r="C23" s="148">
        <v>46204</v>
      </c>
      <c r="D23" s="149"/>
      <c r="E23" s="77" t="s">
        <v>43</v>
      </c>
      <c r="F23" s="78"/>
      <c r="G23" s="78"/>
      <c r="H23" s="78"/>
      <c r="I23" s="78"/>
      <c r="J23" s="79"/>
      <c r="K23" s="76" t="s">
        <v>16</v>
      </c>
      <c r="L23" s="76"/>
      <c r="M23" s="82" t="s">
        <v>20</v>
      </c>
      <c r="N23" s="83"/>
      <c r="O23" s="83"/>
      <c r="P23" s="83"/>
      <c r="Q23" s="83"/>
      <c r="R23" s="83"/>
      <c r="S23" s="83"/>
      <c r="T23" s="84"/>
      <c r="U23" s="76" t="s">
        <v>17</v>
      </c>
      <c r="V23" s="76"/>
      <c r="W23" s="76"/>
      <c r="X23" s="76" t="s">
        <v>19</v>
      </c>
      <c r="Y23" s="76"/>
      <c r="Z23" s="76"/>
      <c r="AA23" s="76"/>
      <c r="AB23" s="76"/>
      <c r="AC23" s="132">
        <v>2</v>
      </c>
      <c r="AD23" s="133"/>
      <c r="AE23" s="127" t="s">
        <v>29</v>
      </c>
      <c r="AF23" s="55"/>
    </row>
    <row r="24" spans="1:32" ht="20" customHeight="1" x14ac:dyDescent="0.2">
      <c r="A24" s="46"/>
      <c r="B24" s="87"/>
      <c r="C24" s="146"/>
      <c r="D24" s="147"/>
      <c r="E24" s="73" t="s">
        <v>18</v>
      </c>
      <c r="F24" s="74"/>
      <c r="G24" s="74"/>
      <c r="H24" s="74"/>
      <c r="I24" s="74"/>
      <c r="J24" s="75"/>
      <c r="K24" s="76"/>
      <c r="L24" s="76"/>
      <c r="M24" s="85"/>
      <c r="N24" s="86"/>
      <c r="O24" s="86"/>
      <c r="P24" s="86"/>
      <c r="Q24" s="86"/>
      <c r="R24" s="86"/>
      <c r="S24" s="86"/>
      <c r="T24" s="87"/>
      <c r="U24" s="76"/>
      <c r="V24" s="76"/>
      <c r="W24" s="76"/>
      <c r="X24" s="76"/>
      <c r="Y24" s="76"/>
      <c r="Z24" s="76"/>
      <c r="AA24" s="76"/>
      <c r="AB24" s="76"/>
      <c r="AC24" s="134"/>
      <c r="AD24" s="135"/>
      <c r="AE24" s="128"/>
      <c r="AF24" s="55"/>
    </row>
    <row r="25" spans="1:32" ht="15" customHeight="1" x14ac:dyDescent="0.2">
      <c r="A25" s="46"/>
      <c r="B25" s="88">
        <v>1</v>
      </c>
      <c r="C25" s="114"/>
      <c r="D25" s="150"/>
      <c r="E25" s="60"/>
      <c r="F25" s="61"/>
      <c r="G25" s="61"/>
      <c r="H25" s="61"/>
      <c r="I25" s="61"/>
      <c r="J25" s="62"/>
      <c r="K25" s="72"/>
      <c r="L25" s="72"/>
      <c r="M25" s="93"/>
      <c r="N25" s="94"/>
      <c r="O25" s="94"/>
      <c r="P25" s="94"/>
      <c r="Q25" s="94"/>
      <c r="R25" s="94"/>
      <c r="S25" s="94"/>
      <c r="T25" s="95"/>
      <c r="U25" s="90"/>
      <c r="V25" s="90"/>
      <c r="W25" s="90"/>
      <c r="X25" s="90"/>
      <c r="Y25" s="90"/>
      <c r="Z25" s="90"/>
      <c r="AA25" s="90"/>
      <c r="AB25" s="90"/>
      <c r="AC25" s="136"/>
      <c r="AD25" s="137"/>
      <c r="AE25" s="129" t="s">
        <v>29</v>
      </c>
      <c r="AF25" s="55"/>
    </row>
    <row r="26" spans="1:32" ht="20" customHeight="1" x14ac:dyDescent="0.2">
      <c r="A26" s="46"/>
      <c r="B26" s="112"/>
      <c r="C26" s="116"/>
      <c r="D26" s="151"/>
      <c r="E26" s="63"/>
      <c r="F26" s="64"/>
      <c r="G26" s="64"/>
      <c r="H26" s="64"/>
      <c r="I26" s="64"/>
      <c r="J26" s="65"/>
      <c r="K26" s="72"/>
      <c r="L26" s="72"/>
      <c r="M26" s="113"/>
      <c r="N26" s="64"/>
      <c r="O26" s="64"/>
      <c r="P26" s="64"/>
      <c r="Q26" s="64"/>
      <c r="R26" s="64"/>
      <c r="S26" s="64"/>
      <c r="T26" s="65"/>
      <c r="U26" s="90"/>
      <c r="V26" s="90"/>
      <c r="W26" s="90"/>
      <c r="X26" s="90"/>
      <c r="Y26" s="90"/>
      <c r="Z26" s="90"/>
      <c r="AA26" s="90"/>
      <c r="AB26" s="90"/>
      <c r="AC26" s="138"/>
      <c r="AD26" s="139"/>
      <c r="AE26" s="130"/>
      <c r="AF26" s="55"/>
    </row>
    <row r="27" spans="1:32" ht="15" customHeight="1" x14ac:dyDescent="0.2">
      <c r="A27" s="46"/>
      <c r="B27" s="88">
        <v>2</v>
      </c>
      <c r="C27" s="114"/>
      <c r="D27" s="115"/>
      <c r="E27" s="60"/>
      <c r="F27" s="61"/>
      <c r="G27" s="61"/>
      <c r="H27" s="61"/>
      <c r="I27" s="61"/>
      <c r="J27" s="62"/>
      <c r="K27" s="72"/>
      <c r="L27" s="72"/>
      <c r="M27" s="93"/>
      <c r="N27" s="94"/>
      <c r="O27" s="94"/>
      <c r="P27" s="94"/>
      <c r="Q27" s="94"/>
      <c r="R27" s="94"/>
      <c r="S27" s="94"/>
      <c r="T27" s="95"/>
      <c r="U27" s="90"/>
      <c r="V27" s="90"/>
      <c r="W27" s="90"/>
      <c r="X27" s="90"/>
      <c r="Y27" s="90"/>
      <c r="Z27" s="90"/>
      <c r="AA27" s="90"/>
      <c r="AB27" s="90"/>
      <c r="AC27" s="136"/>
      <c r="AD27" s="137"/>
      <c r="AE27" s="129" t="s">
        <v>29</v>
      </c>
      <c r="AF27" s="55"/>
    </row>
    <row r="28" spans="1:32" ht="20" customHeight="1" x14ac:dyDescent="0.2">
      <c r="A28" s="46"/>
      <c r="B28" s="112"/>
      <c r="C28" s="116"/>
      <c r="D28" s="117"/>
      <c r="E28" s="63"/>
      <c r="F28" s="64"/>
      <c r="G28" s="64"/>
      <c r="H28" s="64"/>
      <c r="I28" s="64"/>
      <c r="J28" s="65"/>
      <c r="K28" s="72"/>
      <c r="L28" s="72"/>
      <c r="M28" s="113"/>
      <c r="N28" s="64"/>
      <c r="O28" s="64"/>
      <c r="P28" s="64"/>
      <c r="Q28" s="64"/>
      <c r="R28" s="64"/>
      <c r="S28" s="64"/>
      <c r="T28" s="65"/>
      <c r="U28" s="90"/>
      <c r="V28" s="90"/>
      <c r="W28" s="90"/>
      <c r="X28" s="90"/>
      <c r="Y28" s="90"/>
      <c r="Z28" s="90"/>
      <c r="AA28" s="90"/>
      <c r="AB28" s="90"/>
      <c r="AC28" s="138"/>
      <c r="AD28" s="139"/>
      <c r="AE28" s="130"/>
      <c r="AF28" s="55"/>
    </row>
    <row r="29" spans="1:32" ht="15" customHeight="1" x14ac:dyDescent="0.2">
      <c r="A29" s="46"/>
      <c r="B29" s="88">
        <v>3</v>
      </c>
      <c r="C29" s="114"/>
      <c r="D29" s="115"/>
      <c r="E29" s="60"/>
      <c r="F29" s="61"/>
      <c r="G29" s="61"/>
      <c r="H29" s="61"/>
      <c r="I29" s="61"/>
      <c r="J29" s="62"/>
      <c r="K29" s="72"/>
      <c r="L29" s="72"/>
      <c r="M29" s="93"/>
      <c r="N29" s="94"/>
      <c r="O29" s="94"/>
      <c r="P29" s="94"/>
      <c r="Q29" s="94"/>
      <c r="R29" s="94"/>
      <c r="S29" s="94"/>
      <c r="T29" s="95"/>
      <c r="U29" s="90"/>
      <c r="V29" s="90"/>
      <c r="W29" s="90"/>
      <c r="X29" s="90"/>
      <c r="Y29" s="90"/>
      <c r="Z29" s="90"/>
      <c r="AA29" s="90"/>
      <c r="AB29" s="90"/>
      <c r="AC29" s="136"/>
      <c r="AD29" s="137"/>
      <c r="AE29" s="129" t="s">
        <v>29</v>
      </c>
      <c r="AF29" s="55"/>
    </row>
    <row r="30" spans="1:32" ht="20" customHeight="1" x14ac:dyDescent="0.2">
      <c r="A30" s="46"/>
      <c r="B30" s="112"/>
      <c r="C30" s="116"/>
      <c r="D30" s="117"/>
      <c r="E30" s="63"/>
      <c r="F30" s="64"/>
      <c r="G30" s="64"/>
      <c r="H30" s="64"/>
      <c r="I30" s="64"/>
      <c r="J30" s="65"/>
      <c r="K30" s="72"/>
      <c r="L30" s="72"/>
      <c r="M30" s="113"/>
      <c r="N30" s="64"/>
      <c r="O30" s="64"/>
      <c r="P30" s="64"/>
      <c r="Q30" s="64"/>
      <c r="R30" s="64"/>
      <c r="S30" s="64"/>
      <c r="T30" s="65"/>
      <c r="U30" s="90"/>
      <c r="V30" s="90"/>
      <c r="W30" s="90"/>
      <c r="X30" s="90"/>
      <c r="Y30" s="90"/>
      <c r="Z30" s="90"/>
      <c r="AA30" s="90"/>
      <c r="AB30" s="90"/>
      <c r="AC30" s="138"/>
      <c r="AD30" s="139"/>
      <c r="AE30" s="130"/>
      <c r="AF30" s="55"/>
    </row>
    <row r="31" spans="1:32" ht="15" customHeight="1" x14ac:dyDescent="0.2">
      <c r="A31" s="46"/>
      <c r="B31" s="88">
        <v>4</v>
      </c>
      <c r="C31" s="114"/>
      <c r="D31" s="115"/>
      <c r="E31" s="60"/>
      <c r="F31" s="61"/>
      <c r="G31" s="61"/>
      <c r="H31" s="61"/>
      <c r="I31" s="61"/>
      <c r="J31" s="62"/>
      <c r="K31" s="72"/>
      <c r="L31" s="72"/>
      <c r="M31" s="93"/>
      <c r="N31" s="94"/>
      <c r="O31" s="94"/>
      <c r="P31" s="94"/>
      <c r="Q31" s="94"/>
      <c r="R31" s="94"/>
      <c r="S31" s="94"/>
      <c r="T31" s="95"/>
      <c r="U31" s="90"/>
      <c r="V31" s="90"/>
      <c r="W31" s="90"/>
      <c r="X31" s="90"/>
      <c r="Y31" s="90"/>
      <c r="Z31" s="90"/>
      <c r="AA31" s="90"/>
      <c r="AB31" s="90"/>
      <c r="AC31" s="136"/>
      <c r="AD31" s="137"/>
      <c r="AE31" s="129" t="s">
        <v>29</v>
      </c>
      <c r="AF31" s="55"/>
    </row>
    <row r="32" spans="1:32" ht="20" customHeight="1" x14ac:dyDescent="0.2">
      <c r="A32" s="46"/>
      <c r="B32" s="112"/>
      <c r="C32" s="116"/>
      <c r="D32" s="117"/>
      <c r="E32" s="63"/>
      <c r="F32" s="64"/>
      <c r="G32" s="64"/>
      <c r="H32" s="64"/>
      <c r="I32" s="64"/>
      <c r="J32" s="65"/>
      <c r="K32" s="72"/>
      <c r="L32" s="72"/>
      <c r="M32" s="113"/>
      <c r="N32" s="64"/>
      <c r="O32" s="64"/>
      <c r="P32" s="64"/>
      <c r="Q32" s="64"/>
      <c r="R32" s="64"/>
      <c r="S32" s="64"/>
      <c r="T32" s="65"/>
      <c r="U32" s="90"/>
      <c r="V32" s="90"/>
      <c r="W32" s="90"/>
      <c r="X32" s="90"/>
      <c r="Y32" s="90"/>
      <c r="Z32" s="90"/>
      <c r="AA32" s="90"/>
      <c r="AB32" s="90"/>
      <c r="AC32" s="138"/>
      <c r="AD32" s="139"/>
      <c r="AE32" s="130"/>
      <c r="AF32" s="55"/>
    </row>
    <row r="33" spans="1:32" ht="15" customHeight="1" x14ac:dyDescent="0.2">
      <c r="A33" s="46"/>
      <c r="B33" s="88">
        <v>5</v>
      </c>
      <c r="C33" s="114"/>
      <c r="D33" s="118"/>
      <c r="E33" s="60"/>
      <c r="F33" s="61"/>
      <c r="G33" s="61"/>
      <c r="H33" s="61"/>
      <c r="I33" s="61"/>
      <c r="J33" s="62"/>
      <c r="K33" s="72"/>
      <c r="L33" s="72"/>
      <c r="M33" s="93"/>
      <c r="N33" s="94"/>
      <c r="O33" s="94"/>
      <c r="P33" s="94"/>
      <c r="Q33" s="94"/>
      <c r="R33" s="94"/>
      <c r="S33" s="94"/>
      <c r="T33" s="95"/>
      <c r="U33" s="90"/>
      <c r="V33" s="90"/>
      <c r="W33" s="90"/>
      <c r="X33" s="90"/>
      <c r="Y33" s="90"/>
      <c r="Z33" s="90"/>
      <c r="AA33" s="90"/>
      <c r="AB33" s="90"/>
      <c r="AC33" s="136"/>
      <c r="AD33" s="137"/>
      <c r="AE33" s="129" t="s">
        <v>29</v>
      </c>
      <c r="AF33" s="55"/>
    </row>
    <row r="34" spans="1:32" ht="20" customHeight="1" thickBot="1" x14ac:dyDescent="0.25">
      <c r="A34" s="46"/>
      <c r="B34" s="89"/>
      <c r="C34" s="119"/>
      <c r="D34" s="120"/>
      <c r="E34" s="99"/>
      <c r="F34" s="97"/>
      <c r="G34" s="97"/>
      <c r="H34" s="97"/>
      <c r="I34" s="97"/>
      <c r="J34" s="98"/>
      <c r="K34" s="92"/>
      <c r="L34" s="92"/>
      <c r="M34" s="96"/>
      <c r="N34" s="97"/>
      <c r="O34" s="97"/>
      <c r="P34" s="97"/>
      <c r="Q34" s="97"/>
      <c r="R34" s="97"/>
      <c r="S34" s="97"/>
      <c r="T34" s="98"/>
      <c r="U34" s="91"/>
      <c r="V34" s="91"/>
      <c r="W34" s="91"/>
      <c r="X34" s="91"/>
      <c r="Y34" s="91"/>
      <c r="Z34" s="91"/>
      <c r="AA34" s="91"/>
      <c r="AB34" s="91"/>
      <c r="AC34" s="140"/>
      <c r="AD34" s="141"/>
      <c r="AE34" s="131"/>
      <c r="AF34" s="55"/>
    </row>
    <row r="35" spans="1:32" ht="5" customHeight="1" x14ac:dyDescent="0.2">
      <c r="A35" s="53"/>
      <c r="B35" s="53"/>
      <c r="C35" s="53"/>
      <c r="D35" s="53"/>
      <c r="E35" s="53"/>
      <c r="F35" s="53"/>
      <c r="G35" s="53"/>
      <c r="H35" s="53"/>
      <c r="I35" s="53"/>
      <c r="J35" s="53"/>
      <c r="K35" s="53"/>
      <c r="L35" s="53"/>
      <c r="M35" s="53"/>
      <c r="N35" s="53"/>
      <c r="O35" s="53"/>
      <c r="P35" s="53" ph="1"/>
      <c r="Q35" s="53"/>
      <c r="R35" s="53"/>
      <c r="S35" s="53"/>
      <c r="T35" s="53"/>
      <c r="U35" s="53"/>
      <c r="V35" s="53"/>
      <c r="W35" s="53"/>
      <c r="X35" s="53"/>
      <c r="Y35" s="53"/>
      <c r="Z35" s="53"/>
      <c r="AA35" s="53"/>
      <c r="AB35" s="53"/>
      <c r="AC35" s="53"/>
      <c r="AD35" s="53"/>
      <c r="AE35" s="53"/>
      <c r="AF35" s="53"/>
    </row>
    <row r="36" spans="1:32" x14ac:dyDescent="0.2">
      <c r="A36" s="53"/>
      <c r="B36" s="53"/>
      <c r="C36" s="53"/>
      <c r="D36" s="53"/>
      <c r="E36" s="53"/>
      <c r="F36" s="53"/>
      <c r="G36" s="53"/>
      <c r="H36" s="53"/>
      <c r="I36" s="53"/>
      <c r="J36" s="53"/>
      <c r="K36" s="53"/>
      <c r="L36" s="53"/>
      <c r="M36" s="53"/>
      <c r="N36" s="53"/>
      <c r="O36" s="53"/>
      <c r="P36" s="53"/>
      <c r="Q36" s="53"/>
      <c r="R36" s="53"/>
      <c r="S36" s="53"/>
      <c r="T36" s="53"/>
      <c r="U36" s="53"/>
      <c r="V36" s="53"/>
      <c r="W36" s="53"/>
      <c r="X36" s="53"/>
      <c r="Y36" s="53"/>
      <c r="Z36" s="53"/>
      <c r="AA36" s="53"/>
      <c r="AB36" s="53"/>
      <c r="AC36" s="53"/>
      <c r="AD36" s="53"/>
      <c r="AE36" s="53"/>
    </row>
    <row r="37" spans="1:32" x14ac:dyDescent="0.2">
      <c r="A37" s="53"/>
      <c r="B37" s="53"/>
      <c r="C37" s="53"/>
      <c r="D37" s="53"/>
      <c r="E37" s="53"/>
      <c r="F37" s="53"/>
      <c r="G37" s="53"/>
      <c r="H37" s="53"/>
      <c r="I37" s="53"/>
      <c r="J37" s="53"/>
      <c r="K37" s="53"/>
      <c r="L37" s="53"/>
      <c r="M37" s="53"/>
      <c r="N37" s="53"/>
      <c r="O37" s="53"/>
      <c r="P37" s="53"/>
      <c r="Q37" s="53"/>
      <c r="R37" s="53"/>
      <c r="S37" s="53"/>
      <c r="T37" s="53"/>
      <c r="U37" s="53"/>
      <c r="V37" s="53"/>
      <c r="W37" s="53"/>
      <c r="X37" s="53"/>
      <c r="Y37" s="53"/>
      <c r="Z37" s="53"/>
      <c r="AA37" s="53"/>
      <c r="AB37" s="53"/>
      <c r="AC37" s="53"/>
      <c r="AD37" s="53"/>
      <c r="AE37" s="53"/>
    </row>
    <row r="38" spans="1:32" x14ac:dyDescent="0.2">
      <c r="A38" s="53"/>
      <c r="B38" s="53"/>
      <c r="C38" s="53"/>
      <c r="D38" s="53"/>
      <c r="E38" s="53"/>
      <c r="F38" s="53"/>
      <c r="G38" s="53"/>
      <c r="H38" s="53"/>
      <c r="I38" s="53"/>
      <c r="J38" s="53"/>
      <c r="K38" s="53"/>
      <c r="L38" s="53"/>
      <c r="M38" s="53"/>
      <c r="N38" s="53"/>
      <c r="O38" s="53"/>
      <c r="P38" s="53"/>
      <c r="Q38" s="53"/>
      <c r="R38" s="53"/>
      <c r="S38" s="53"/>
      <c r="T38" s="53"/>
      <c r="U38" s="53"/>
      <c r="V38" s="53"/>
      <c r="W38" s="53"/>
      <c r="X38" s="53"/>
      <c r="Y38" s="53"/>
      <c r="Z38" s="53"/>
      <c r="AA38" s="53"/>
      <c r="AB38" s="53"/>
      <c r="AC38" s="53"/>
      <c r="AD38" s="53"/>
      <c r="AE38" s="53"/>
    </row>
    <row r="39" spans="1:32" x14ac:dyDescent="0.2">
      <c r="A39" s="53"/>
      <c r="B39" s="53"/>
      <c r="C39" s="53"/>
      <c r="D39" s="53"/>
      <c r="E39" s="53"/>
      <c r="F39" s="53"/>
      <c r="G39" s="53"/>
      <c r="H39" s="53"/>
      <c r="I39" s="53"/>
      <c r="J39" s="53"/>
      <c r="K39" s="53"/>
      <c r="L39" s="53"/>
      <c r="M39" s="53"/>
      <c r="N39" s="53"/>
      <c r="O39" s="53"/>
      <c r="P39" s="53"/>
      <c r="Q39" s="53"/>
      <c r="R39" s="53"/>
      <c r="S39" s="53"/>
      <c r="T39" s="53"/>
      <c r="U39" s="53"/>
      <c r="V39" s="53"/>
      <c r="W39" s="53"/>
      <c r="X39" s="53"/>
      <c r="Y39" s="53"/>
      <c r="Z39" s="53"/>
      <c r="AA39" s="53"/>
      <c r="AB39" s="53"/>
      <c r="AC39" s="53"/>
      <c r="AD39" s="53"/>
      <c r="AE39" s="53"/>
    </row>
    <row r="40" spans="1:32" x14ac:dyDescent="0.2">
      <c r="A40" s="53"/>
      <c r="B40" s="53"/>
      <c r="C40" s="53"/>
      <c r="D40" s="53"/>
      <c r="E40" s="53"/>
      <c r="F40" s="53"/>
      <c r="G40" s="53"/>
      <c r="H40" s="53"/>
      <c r="I40" s="53"/>
      <c r="J40" s="53"/>
      <c r="K40" s="53"/>
      <c r="L40" s="53"/>
      <c r="M40" s="53"/>
      <c r="N40" s="53"/>
      <c r="O40" s="53"/>
      <c r="P40" s="53"/>
      <c r="Q40" s="53"/>
      <c r="R40" s="53"/>
      <c r="S40" s="53"/>
      <c r="T40" s="53"/>
      <c r="U40" s="53"/>
      <c r="V40" s="53"/>
      <c r="W40" s="53"/>
      <c r="X40" s="53"/>
      <c r="Y40" s="53"/>
      <c r="Z40" s="53"/>
      <c r="AA40" s="53"/>
      <c r="AB40" s="53"/>
      <c r="AC40" s="53"/>
      <c r="AD40" s="53"/>
      <c r="AE40" s="53"/>
    </row>
    <row r="41" spans="1:32" x14ac:dyDescent="0.2">
      <c r="A41" s="53"/>
      <c r="B41" s="53"/>
      <c r="C41" s="53"/>
      <c r="D41" s="53"/>
      <c r="E41" s="53"/>
      <c r="F41" s="53"/>
      <c r="G41" s="53"/>
      <c r="H41" s="53"/>
      <c r="I41" s="53"/>
      <c r="J41" s="53"/>
      <c r="K41" s="53"/>
      <c r="L41" s="53"/>
      <c r="M41" s="53"/>
      <c r="N41" s="53"/>
      <c r="O41" s="53"/>
      <c r="P41" s="53"/>
      <c r="Q41" s="53"/>
      <c r="R41" s="53"/>
      <c r="S41" s="53"/>
      <c r="T41" s="53"/>
      <c r="U41" s="53"/>
      <c r="V41" s="53"/>
      <c r="W41" s="53"/>
      <c r="X41" s="53"/>
      <c r="Y41" s="53"/>
      <c r="Z41" s="53"/>
      <c r="AA41" s="53"/>
      <c r="AB41" s="53"/>
      <c r="AC41" s="53"/>
      <c r="AD41" s="53"/>
      <c r="AE41" s="53"/>
    </row>
    <row r="42" spans="1:32" x14ac:dyDescent="0.2">
      <c r="A42" s="53"/>
      <c r="B42" s="53"/>
      <c r="C42" s="53"/>
      <c r="D42" s="53"/>
      <c r="E42" s="53"/>
      <c r="F42" s="53"/>
      <c r="G42" s="53"/>
      <c r="H42" s="53"/>
      <c r="I42" s="53"/>
      <c r="J42" s="53"/>
      <c r="K42" s="53"/>
      <c r="L42" s="53"/>
      <c r="M42" s="53"/>
      <c r="N42" s="53"/>
      <c r="O42" s="53"/>
      <c r="P42" s="53"/>
      <c r="Q42" s="53"/>
      <c r="R42" s="53"/>
      <c r="S42" s="53"/>
      <c r="T42" s="53"/>
      <c r="U42" s="53"/>
      <c r="V42" s="53"/>
      <c r="W42" s="53"/>
      <c r="X42" s="53"/>
      <c r="Y42" s="53"/>
      <c r="Z42" s="53"/>
      <c r="AA42" s="53"/>
      <c r="AB42" s="53"/>
      <c r="AC42" s="53"/>
      <c r="AD42" s="53"/>
      <c r="AE42" s="53"/>
    </row>
    <row r="43" spans="1:32" x14ac:dyDescent="0.2">
      <c r="A43" s="53"/>
      <c r="B43" s="53"/>
      <c r="C43" s="53"/>
      <c r="D43" s="53"/>
      <c r="E43" s="53"/>
      <c r="F43" s="53"/>
      <c r="G43" s="53"/>
      <c r="H43" s="53"/>
      <c r="I43" s="53"/>
      <c r="J43" s="53"/>
      <c r="K43" s="53"/>
      <c r="L43" s="53"/>
      <c r="M43" s="53"/>
      <c r="N43" s="53"/>
      <c r="O43" s="53"/>
      <c r="P43" s="53"/>
      <c r="Q43" s="53"/>
      <c r="R43" s="53"/>
      <c r="S43" s="53"/>
      <c r="T43" s="53"/>
      <c r="U43" s="53"/>
      <c r="V43" s="53"/>
      <c r="W43" s="53"/>
      <c r="X43" s="53"/>
      <c r="Y43" s="53"/>
      <c r="Z43" s="53"/>
      <c r="AA43" s="53"/>
      <c r="AB43" s="53"/>
      <c r="AC43" s="53"/>
      <c r="AD43" s="53"/>
      <c r="AE43" s="53"/>
    </row>
    <row r="44" spans="1:32" x14ac:dyDescent="0.2">
      <c r="A44" s="53"/>
      <c r="B44" s="53"/>
      <c r="C44" s="53"/>
      <c r="D44" s="53"/>
      <c r="E44" s="53"/>
      <c r="F44" s="53"/>
      <c r="G44" s="53"/>
      <c r="H44" s="53"/>
      <c r="I44" s="53"/>
      <c r="J44" s="53"/>
      <c r="K44" s="53"/>
      <c r="L44" s="53"/>
      <c r="M44" s="53"/>
      <c r="N44" s="53"/>
      <c r="O44" s="53"/>
      <c r="P44" s="53"/>
      <c r="Q44" s="53"/>
      <c r="R44" s="53"/>
      <c r="S44" s="53"/>
      <c r="T44" s="53"/>
      <c r="U44" s="53"/>
      <c r="V44" s="53"/>
      <c r="W44" s="53"/>
      <c r="X44" s="53"/>
      <c r="Y44" s="53"/>
      <c r="Z44" s="53"/>
      <c r="AA44" s="53"/>
      <c r="AB44" s="53"/>
      <c r="AC44" s="53"/>
      <c r="AD44" s="53"/>
      <c r="AE44" s="53"/>
    </row>
    <row r="45" spans="1:32" x14ac:dyDescent="0.2">
      <c r="A45" s="53"/>
      <c r="B45" s="53"/>
      <c r="C45" s="53"/>
      <c r="D45" s="53"/>
      <c r="E45" s="53"/>
      <c r="F45" s="53"/>
      <c r="G45" s="53"/>
      <c r="H45" s="53"/>
      <c r="I45" s="53"/>
      <c r="J45" s="53"/>
      <c r="K45" s="53"/>
      <c r="L45" s="53"/>
      <c r="M45" s="53"/>
      <c r="N45" s="53"/>
      <c r="O45" s="53"/>
      <c r="P45" s="53"/>
      <c r="Q45" s="53"/>
      <c r="R45" s="53"/>
      <c r="S45" s="53"/>
      <c r="T45" s="53"/>
      <c r="U45" s="53"/>
      <c r="V45" s="53"/>
      <c r="W45" s="53"/>
      <c r="X45" s="53"/>
      <c r="Y45" s="53"/>
      <c r="Z45" s="53"/>
      <c r="AA45" s="53"/>
      <c r="AB45" s="53"/>
      <c r="AC45" s="53"/>
      <c r="AD45" s="53"/>
      <c r="AE45" s="53"/>
    </row>
    <row r="46" spans="1:32" x14ac:dyDescent="0.2">
      <c r="A46" s="53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  <c r="W46" s="53"/>
      <c r="X46" s="53"/>
      <c r="Y46" s="53"/>
      <c r="Z46" s="53"/>
      <c r="AA46" s="53"/>
      <c r="AB46" s="53"/>
      <c r="AC46" s="53"/>
      <c r="AD46" s="53"/>
      <c r="AE46" s="53"/>
    </row>
    <row r="47" spans="1:32" x14ac:dyDescent="0.2">
      <c r="A47" s="53"/>
      <c r="B47" s="53"/>
      <c r="C47" s="53"/>
      <c r="D47" s="53"/>
      <c r="E47" s="53"/>
      <c r="F47" s="53"/>
      <c r="G47" s="53"/>
      <c r="H47" s="53"/>
      <c r="I47" s="53"/>
      <c r="J47" s="53"/>
      <c r="K47" s="53"/>
      <c r="L47" s="53"/>
      <c r="M47" s="53"/>
      <c r="N47" s="53"/>
      <c r="O47" s="53"/>
      <c r="P47" s="53"/>
      <c r="Q47" s="53"/>
      <c r="R47" s="53"/>
      <c r="S47" s="53"/>
      <c r="T47" s="53"/>
      <c r="U47" s="53"/>
      <c r="V47" s="53"/>
      <c r="W47" s="53"/>
      <c r="X47" s="53"/>
      <c r="Y47" s="53"/>
      <c r="Z47" s="53"/>
      <c r="AA47" s="53"/>
      <c r="AB47" s="53"/>
      <c r="AC47" s="53"/>
      <c r="AD47" s="53"/>
      <c r="AE47" s="53"/>
    </row>
    <row r="48" spans="1:32" x14ac:dyDescent="0.2">
      <c r="A48" s="53"/>
      <c r="B48" s="53"/>
      <c r="C48" s="53"/>
      <c r="D48" s="53"/>
      <c r="E48" s="53"/>
      <c r="F48" s="53"/>
      <c r="G48" s="53"/>
      <c r="H48" s="53"/>
      <c r="I48" s="53"/>
      <c r="J48" s="53"/>
      <c r="K48" s="53"/>
      <c r="L48" s="53"/>
      <c r="M48" s="53"/>
      <c r="N48" s="53"/>
      <c r="O48" s="53"/>
      <c r="P48" s="53"/>
      <c r="Q48" s="53"/>
      <c r="R48" s="53"/>
      <c r="S48" s="53"/>
      <c r="T48" s="53"/>
      <c r="U48" s="53"/>
      <c r="V48" s="53"/>
      <c r="W48" s="53"/>
      <c r="X48" s="53"/>
      <c r="Y48" s="53"/>
      <c r="Z48" s="53"/>
      <c r="AA48" s="53"/>
      <c r="AB48" s="53"/>
      <c r="AC48" s="53"/>
      <c r="AD48" s="53"/>
      <c r="AE48" s="53"/>
    </row>
    <row r="49" spans="1:31" x14ac:dyDescent="0.2">
      <c r="A49" s="53"/>
      <c r="B49" s="53"/>
      <c r="C49" s="53"/>
      <c r="D49" s="53"/>
      <c r="E49" s="53"/>
      <c r="F49" s="53"/>
      <c r="G49" s="53"/>
      <c r="H49" s="53"/>
      <c r="I49" s="53"/>
      <c r="J49" s="53"/>
      <c r="K49" s="53"/>
      <c r="L49" s="53"/>
      <c r="M49" s="53"/>
      <c r="N49" s="53"/>
      <c r="O49" s="53"/>
      <c r="P49" s="53"/>
      <c r="Q49" s="53"/>
      <c r="R49" s="53"/>
      <c r="S49" s="53"/>
      <c r="T49" s="53"/>
      <c r="U49" s="53"/>
      <c r="V49" s="53"/>
      <c r="W49" s="53"/>
      <c r="X49" s="53"/>
      <c r="Y49" s="53"/>
      <c r="Z49" s="53"/>
      <c r="AA49" s="53"/>
      <c r="AB49" s="53"/>
      <c r="AC49" s="53"/>
      <c r="AD49" s="53"/>
      <c r="AE49" s="53"/>
    </row>
    <row r="50" spans="1:31" x14ac:dyDescent="0.2">
      <c r="A50" s="53"/>
      <c r="B50" s="53"/>
      <c r="C50" s="53"/>
      <c r="D50" s="53"/>
      <c r="E50" s="53"/>
      <c r="F50" s="53"/>
      <c r="G50" s="53"/>
      <c r="H50" s="53"/>
      <c r="I50" s="53"/>
      <c r="J50" s="53"/>
      <c r="K50" s="53"/>
      <c r="L50" s="53"/>
      <c r="M50" s="53"/>
      <c r="N50" s="53"/>
      <c r="O50" s="53"/>
      <c r="P50" s="53"/>
      <c r="Q50" s="53"/>
      <c r="R50" s="53"/>
      <c r="S50" s="53"/>
      <c r="T50" s="53"/>
      <c r="U50" s="53"/>
      <c r="V50" s="53"/>
      <c r="W50" s="53"/>
      <c r="X50" s="53"/>
      <c r="Y50" s="53"/>
      <c r="Z50" s="53"/>
      <c r="AA50" s="53"/>
      <c r="AB50" s="53"/>
      <c r="AC50" s="53"/>
      <c r="AD50" s="53"/>
      <c r="AE50" s="53"/>
    </row>
    <row r="51" spans="1:31" x14ac:dyDescent="0.2">
      <c r="A51" s="53"/>
      <c r="B51" s="53"/>
      <c r="C51" s="53"/>
      <c r="D51" s="53"/>
      <c r="E51" s="53"/>
      <c r="F51" s="53"/>
      <c r="G51" s="53"/>
      <c r="H51" s="53"/>
      <c r="I51" s="53"/>
      <c r="J51" s="53"/>
      <c r="K51" s="53"/>
      <c r="L51" s="53"/>
      <c r="M51" s="53"/>
      <c r="N51" s="53"/>
      <c r="O51" s="53"/>
      <c r="P51" s="53"/>
      <c r="Q51" s="53"/>
      <c r="R51" s="53"/>
      <c r="S51" s="53"/>
      <c r="T51" s="53"/>
      <c r="U51" s="53"/>
      <c r="V51" s="53"/>
      <c r="W51" s="53"/>
      <c r="X51" s="53"/>
      <c r="Y51" s="53"/>
      <c r="Z51" s="53"/>
      <c r="AA51" s="53"/>
      <c r="AB51" s="53"/>
      <c r="AC51" s="53"/>
      <c r="AD51" s="53"/>
      <c r="AE51" s="53"/>
    </row>
    <row r="52" spans="1:31" x14ac:dyDescent="0.2">
      <c r="A52" s="53"/>
      <c r="B52" s="53"/>
      <c r="C52" s="53"/>
      <c r="D52" s="53"/>
      <c r="E52" s="53"/>
      <c r="F52" s="53"/>
      <c r="G52" s="53"/>
      <c r="H52" s="53"/>
      <c r="I52" s="53"/>
      <c r="J52" s="53"/>
      <c r="K52" s="53"/>
      <c r="L52" s="53"/>
      <c r="M52" s="53"/>
      <c r="N52" s="53"/>
      <c r="O52" s="53"/>
      <c r="P52" s="53"/>
      <c r="Q52" s="53"/>
      <c r="R52" s="53"/>
      <c r="S52" s="53"/>
      <c r="T52" s="53"/>
      <c r="U52" s="53"/>
      <c r="V52" s="53"/>
      <c r="W52" s="53"/>
      <c r="X52" s="53"/>
      <c r="Y52" s="53"/>
      <c r="Z52" s="53"/>
      <c r="AA52" s="53"/>
      <c r="AB52" s="53"/>
      <c r="AC52" s="53"/>
      <c r="AD52" s="53"/>
      <c r="AE52" s="53"/>
    </row>
    <row r="53" spans="1:31" x14ac:dyDescent="0.2">
      <c r="A53" s="53"/>
      <c r="B53" s="53"/>
      <c r="C53" s="53"/>
      <c r="D53" s="53"/>
      <c r="E53" s="53"/>
      <c r="F53" s="53"/>
      <c r="G53" s="53"/>
      <c r="H53" s="53"/>
      <c r="I53" s="53"/>
      <c r="J53" s="53"/>
      <c r="K53" s="53"/>
      <c r="L53" s="53"/>
      <c r="M53" s="53"/>
      <c r="N53" s="53"/>
      <c r="O53" s="53"/>
      <c r="P53" s="53"/>
      <c r="Q53" s="53"/>
      <c r="R53" s="53"/>
      <c r="S53" s="53"/>
      <c r="T53" s="53"/>
      <c r="U53" s="53"/>
      <c r="V53" s="53"/>
      <c r="W53" s="53"/>
      <c r="X53" s="53"/>
      <c r="Y53" s="53"/>
      <c r="Z53" s="53"/>
      <c r="AA53" s="53"/>
      <c r="AB53" s="53"/>
      <c r="AC53" s="53"/>
      <c r="AD53" s="53"/>
      <c r="AE53" s="53"/>
    </row>
    <row r="54" spans="1:31" x14ac:dyDescent="0.2">
      <c r="A54" s="53"/>
      <c r="B54" s="53"/>
      <c r="C54" s="53"/>
      <c r="D54" s="53"/>
      <c r="E54" s="53"/>
      <c r="F54" s="53"/>
      <c r="G54" s="53"/>
      <c r="H54" s="53"/>
      <c r="I54" s="53"/>
      <c r="J54" s="53"/>
      <c r="K54" s="53"/>
      <c r="L54" s="53"/>
      <c r="M54" s="53"/>
      <c r="N54" s="53"/>
      <c r="O54" s="53"/>
      <c r="P54" s="53"/>
      <c r="Q54" s="53"/>
      <c r="R54" s="53"/>
      <c r="S54" s="53"/>
      <c r="T54" s="53"/>
      <c r="U54" s="53"/>
      <c r="V54" s="53"/>
      <c r="W54" s="53"/>
      <c r="X54" s="53"/>
      <c r="Y54" s="53"/>
      <c r="Z54" s="53"/>
      <c r="AA54" s="53"/>
      <c r="AB54" s="53"/>
      <c r="AC54" s="53"/>
      <c r="AD54" s="53"/>
      <c r="AE54" s="53"/>
    </row>
    <row r="55" spans="1:31" x14ac:dyDescent="0.2">
      <c r="A55" s="53"/>
      <c r="B55" s="53"/>
      <c r="C55" s="53"/>
      <c r="D55" s="53"/>
      <c r="E55" s="53"/>
      <c r="F55" s="53"/>
      <c r="G55" s="53"/>
      <c r="H55" s="53"/>
      <c r="I55" s="53"/>
      <c r="J55" s="53"/>
      <c r="K55" s="53"/>
      <c r="L55" s="53"/>
      <c r="M55" s="53"/>
      <c r="N55" s="53"/>
      <c r="O55" s="53"/>
      <c r="P55" s="53"/>
      <c r="Q55" s="53"/>
      <c r="R55" s="53"/>
      <c r="S55" s="53"/>
      <c r="T55" s="53"/>
      <c r="U55" s="53"/>
      <c r="V55" s="53"/>
      <c r="W55" s="53"/>
      <c r="X55" s="53"/>
      <c r="Y55" s="53"/>
      <c r="Z55" s="53"/>
      <c r="AA55" s="53"/>
      <c r="AB55" s="53"/>
      <c r="AC55" s="53"/>
      <c r="AD55" s="53"/>
      <c r="AE55" s="53"/>
    </row>
    <row r="56" spans="1:31" x14ac:dyDescent="0.2">
      <c r="A56" s="53"/>
      <c r="B56" s="53"/>
      <c r="C56" s="53"/>
      <c r="D56" s="53"/>
      <c r="E56" s="53"/>
      <c r="F56" s="53"/>
      <c r="G56" s="53"/>
      <c r="H56" s="53"/>
      <c r="I56" s="53"/>
      <c r="J56" s="53"/>
      <c r="K56" s="53"/>
      <c r="L56" s="53"/>
      <c r="M56" s="53"/>
      <c r="N56" s="53"/>
      <c r="O56" s="53"/>
      <c r="P56" s="53"/>
      <c r="Q56" s="53"/>
      <c r="R56" s="53"/>
      <c r="S56" s="53"/>
      <c r="T56" s="53"/>
      <c r="U56" s="53"/>
      <c r="V56" s="53"/>
      <c r="W56" s="53"/>
      <c r="X56" s="53"/>
      <c r="Y56" s="53"/>
      <c r="Z56" s="53"/>
      <c r="AA56" s="53"/>
      <c r="AB56" s="53"/>
      <c r="AC56" s="53"/>
      <c r="AD56" s="53"/>
      <c r="AE56" s="53"/>
    </row>
    <row r="57" spans="1:31" x14ac:dyDescent="0.2">
      <c r="A57" s="53"/>
      <c r="B57" s="53"/>
      <c r="C57" s="53"/>
      <c r="D57" s="53"/>
      <c r="E57" s="53"/>
      <c r="F57" s="53"/>
      <c r="G57" s="53"/>
      <c r="H57" s="53"/>
      <c r="I57" s="53"/>
      <c r="J57" s="53"/>
      <c r="K57" s="53"/>
      <c r="L57" s="53"/>
      <c r="M57" s="53"/>
      <c r="N57" s="53"/>
      <c r="O57" s="53"/>
      <c r="P57" s="53"/>
      <c r="Q57" s="53"/>
      <c r="R57" s="53"/>
      <c r="S57" s="53"/>
      <c r="T57" s="53"/>
      <c r="U57" s="53"/>
      <c r="V57" s="53"/>
      <c r="W57" s="53"/>
      <c r="X57" s="53"/>
      <c r="Y57" s="53"/>
      <c r="Z57" s="53"/>
      <c r="AA57" s="53"/>
      <c r="AB57" s="53"/>
      <c r="AC57" s="53"/>
      <c r="AD57" s="53"/>
      <c r="AE57" s="53"/>
    </row>
    <row r="58" spans="1:31" x14ac:dyDescent="0.2">
      <c r="A58" s="53"/>
      <c r="B58" s="53"/>
      <c r="C58" s="53"/>
      <c r="D58" s="53"/>
      <c r="E58" s="53"/>
      <c r="F58" s="53"/>
      <c r="G58" s="53"/>
      <c r="H58" s="53"/>
      <c r="I58" s="53"/>
      <c r="J58" s="53"/>
      <c r="K58" s="53"/>
      <c r="L58" s="53"/>
      <c r="M58" s="53"/>
      <c r="N58" s="53"/>
      <c r="O58" s="53"/>
      <c r="P58" s="53"/>
      <c r="Q58" s="53"/>
      <c r="R58" s="53"/>
      <c r="S58" s="53"/>
      <c r="T58" s="53"/>
      <c r="U58" s="53"/>
      <c r="V58" s="53"/>
      <c r="W58" s="53"/>
      <c r="X58" s="53"/>
      <c r="Y58" s="53"/>
      <c r="Z58" s="53"/>
      <c r="AA58" s="53"/>
      <c r="AB58" s="53"/>
      <c r="AC58" s="53"/>
      <c r="AD58" s="53"/>
      <c r="AE58" s="53"/>
    </row>
    <row r="59" spans="1:31" x14ac:dyDescent="0.2">
      <c r="A59" s="53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3"/>
      <c r="O59" s="53"/>
      <c r="P59" s="53"/>
      <c r="Q59" s="53"/>
      <c r="R59" s="53"/>
      <c r="S59" s="53"/>
      <c r="T59" s="53"/>
      <c r="U59" s="53"/>
      <c r="V59" s="53"/>
      <c r="W59" s="53"/>
      <c r="X59" s="53"/>
      <c r="Y59" s="53"/>
      <c r="Z59" s="53"/>
      <c r="AA59" s="53"/>
      <c r="AB59" s="53"/>
      <c r="AC59" s="53"/>
      <c r="AD59" s="53"/>
      <c r="AE59" s="53"/>
    </row>
    <row r="60" spans="1:31" x14ac:dyDescent="0.2">
      <c r="A60" s="53"/>
      <c r="B60" s="53"/>
      <c r="C60" s="53"/>
      <c r="D60" s="53"/>
      <c r="E60" s="53"/>
      <c r="F60" s="53"/>
      <c r="G60" s="53"/>
      <c r="H60" s="53"/>
      <c r="I60" s="53"/>
      <c r="J60" s="53"/>
      <c r="K60" s="53"/>
      <c r="L60" s="53"/>
      <c r="M60" s="53"/>
      <c r="N60" s="53"/>
      <c r="O60" s="53"/>
      <c r="P60" s="53"/>
      <c r="Q60" s="53"/>
      <c r="R60" s="53"/>
      <c r="S60" s="53"/>
      <c r="T60" s="53"/>
      <c r="U60" s="53"/>
      <c r="V60" s="53"/>
      <c r="W60" s="53"/>
      <c r="X60" s="53"/>
      <c r="Y60" s="53"/>
      <c r="Z60" s="53"/>
      <c r="AA60" s="53"/>
      <c r="AB60" s="53"/>
      <c r="AC60" s="53"/>
      <c r="AD60" s="53"/>
      <c r="AE60" s="53"/>
    </row>
    <row r="61" spans="1:31" x14ac:dyDescent="0.2">
      <c r="A61" s="53"/>
      <c r="B61" s="53"/>
      <c r="C61" s="53"/>
      <c r="D61" s="53"/>
      <c r="E61" s="53"/>
      <c r="F61" s="53"/>
      <c r="G61" s="53"/>
      <c r="H61" s="53"/>
      <c r="I61" s="53"/>
      <c r="J61" s="53"/>
      <c r="K61" s="53"/>
      <c r="L61" s="53"/>
      <c r="M61" s="53"/>
      <c r="N61" s="53"/>
      <c r="O61" s="53"/>
      <c r="P61" s="53"/>
      <c r="Q61" s="53"/>
      <c r="R61" s="53"/>
      <c r="S61" s="53"/>
      <c r="T61" s="53"/>
      <c r="U61" s="53"/>
      <c r="V61" s="53"/>
      <c r="W61" s="53"/>
      <c r="X61" s="53"/>
      <c r="Y61" s="53"/>
      <c r="Z61" s="53"/>
      <c r="AA61" s="53"/>
      <c r="AB61" s="53"/>
      <c r="AC61" s="53"/>
      <c r="AD61" s="53"/>
      <c r="AE61" s="53"/>
    </row>
    <row r="62" spans="1:31" x14ac:dyDescent="0.2">
      <c r="A62" s="53"/>
      <c r="B62" s="53"/>
      <c r="C62" s="53"/>
      <c r="D62" s="53"/>
      <c r="E62" s="53"/>
      <c r="F62" s="53"/>
      <c r="G62" s="53"/>
      <c r="H62" s="53"/>
      <c r="I62" s="53"/>
      <c r="J62" s="53"/>
      <c r="K62" s="53"/>
      <c r="L62" s="53"/>
      <c r="M62" s="53"/>
      <c r="N62" s="53"/>
      <c r="O62" s="53"/>
      <c r="P62" s="53"/>
      <c r="Q62" s="53"/>
      <c r="R62" s="53"/>
      <c r="S62" s="53"/>
      <c r="T62" s="53"/>
      <c r="U62" s="53"/>
      <c r="V62" s="53"/>
      <c r="W62" s="53"/>
      <c r="X62" s="53"/>
      <c r="Y62" s="53"/>
      <c r="Z62" s="53"/>
      <c r="AA62" s="53"/>
      <c r="AB62" s="53"/>
      <c r="AC62" s="53"/>
      <c r="AD62" s="53"/>
      <c r="AE62" s="53"/>
    </row>
    <row r="63" spans="1:31" x14ac:dyDescent="0.2">
      <c r="A63" s="53"/>
      <c r="B63" s="53"/>
      <c r="C63" s="53"/>
      <c r="D63" s="53"/>
      <c r="E63" s="53"/>
      <c r="F63" s="53"/>
      <c r="G63" s="53"/>
      <c r="H63" s="53"/>
      <c r="I63" s="53"/>
      <c r="J63" s="53"/>
      <c r="K63" s="53"/>
      <c r="L63" s="53"/>
      <c r="M63" s="53"/>
      <c r="N63" s="53"/>
      <c r="O63" s="53"/>
      <c r="P63" s="53"/>
      <c r="Q63" s="53"/>
      <c r="R63" s="53"/>
      <c r="S63" s="53"/>
      <c r="T63" s="53"/>
      <c r="U63" s="53"/>
      <c r="V63" s="53"/>
      <c r="W63" s="53"/>
      <c r="X63" s="53"/>
      <c r="Y63" s="53"/>
      <c r="Z63" s="53"/>
      <c r="AA63" s="53"/>
      <c r="AB63" s="53"/>
      <c r="AC63" s="53"/>
      <c r="AD63" s="53"/>
      <c r="AE63" s="53"/>
    </row>
    <row r="64" spans="1:31" x14ac:dyDescent="0.2">
      <c r="A64" s="53"/>
      <c r="B64" s="53"/>
      <c r="C64" s="53"/>
      <c r="D64" s="53"/>
      <c r="E64" s="53"/>
      <c r="F64" s="53"/>
      <c r="G64" s="53"/>
      <c r="H64" s="53"/>
      <c r="I64" s="53"/>
      <c r="J64" s="53"/>
      <c r="K64" s="53"/>
      <c r="L64" s="53"/>
      <c r="M64" s="53"/>
      <c r="N64" s="53"/>
      <c r="O64" s="53"/>
      <c r="P64" s="53"/>
      <c r="Q64" s="53"/>
      <c r="R64" s="53"/>
      <c r="S64" s="53"/>
      <c r="T64" s="53"/>
      <c r="U64" s="53"/>
      <c r="V64" s="53"/>
      <c r="W64" s="53"/>
      <c r="X64" s="53"/>
      <c r="Y64" s="53"/>
      <c r="Z64" s="53"/>
      <c r="AA64" s="53"/>
      <c r="AB64" s="53"/>
      <c r="AC64" s="53"/>
      <c r="AD64" s="53"/>
      <c r="AE64" s="53"/>
    </row>
    <row r="65" spans="1:31" x14ac:dyDescent="0.2">
      <c r="A65" s="53"/>
      <c r="B65" s="53"/>
      <c r="C65" s="53"/>
      <c r="D65" s="53"/>
      <c r="E65" s="53"/>
      <c r="F65" s="53"/>
      <c r="G65" s="53"/>
      <c r="H65" s="53"/>
      <c r="I65" s="53"/>
      <c r="J65" s="53"/>
      <c r="K65" s="53"/>
      <c r="L65" s="53"/>
      <c r="M65" s="53"/>
      <c r="N65" s="53"/>
      <c r="O65" s="53"/>
      <c r="P65" s="53"/>
      <c r="Q65" s="53"/>
      <c r="R65" s="53"/>
      <c r="S65" s="53"/>
      <c r="T65" s="53"/>
      <c r="U65" s="53"/>
      <c r="V65" s="53"/>
      <c r="W65" s="53"/>
      <c r="X65" s="53"/>
      <c r="Y65" s="53"/>
      <c r="Z65" s="53"/>
      <c r="AA65" s="53"/>
      <c r="AB65" s="53"/>
      <c r="AC65" s="53"/>
      <c r="AD65" s="53"/>
      <c r="AE65" s="53"/>
    </row>
    <row r="66" spans="1:31" x14ac:dyDescent="0.2">
      <c r="A66" s="53"/>
      <c r="B66" s="53"/>
      <c r="C66" s="53"/>
      <c r="D66" s="53"/>
      <c r="E66" s="53"/>
      <c r="F66" s="53"/>
      <c r="G66" s="53"/>
      <c r="H66" s="53"/>
      <c r="I66" s="53"/>
      <c r="J66" s="53"/>
      <c r="K66" s="53"/>
      <c r="L66" s="53"/>
      <c r="M66" s="53"/>
      <c r="N66" s="53"/>
      <c r="O66" s="53"/>
      <c r="P66" s="53"/>
      <c r="Q66" s="53"/>
      <c r="R66" s="53"/>
      <c r="S66" s="53"/>
      <c r="T66" s="53"/>
      <c r="U66" s="53"/>
      <c r="V66" s="53"/>
      <c r="W66" s="53"/>
      <c r="X66" s="53"/>
      <c r="Y66" s="53"/>
      <c r="Z66" s="53"/>
      <c r="AA66" s="53"/>
      <c r="AB66" s="53"/>
      <c r="AC66" s="53"/>
      <c r="AD66" s="53"/>
      <c r="AE66" s="53"/>
    </row>
    <row r="67" spans="1:31" x14ac:dyDescent="0.2">
      <c r="A67" s="53"/>
      <c r="B67" s="53"/>
      <c r="C67" s="53"/>
      <c r="D67" s="53"/>
      <c r="E67" s="53"/>
      <c r="F67" s="53"/>
      <c r="G67" s="53"/>
      <c r="H67" s="53"/>
      <c r="I67" s="53"/>
      <c r="J67" s="53"/>
      <c r="K67" s="53"/>
      <c r="L67" s="53"/>
      <c r="M67" s="53"/>
      <c r="N67" s="53"/>
      <c r="O67" s="53"/>
      <c r="P67" s="53"/>
      <c r="Q67" s="53"/>
      <c r="R67" s="53"/>
      <c r="S67" s="53"/>
      <c r="T67" s="53"/>
      <c r="U67" s="53"/>
      <c r="V67" s="53"/>
      <c r="W67" s="53"/>
      <c r="X67" s="53"/>
      <c r="Y67" s="53"/>
      <c r="Z67" s="53"/>
      <c r="AA67" s="53"/>
      <c r="AB67" s="53"/>
      <c r="AC67" s="53"/>
      <c r="AD67" s="53"/>
      <c r="AE67" s="53"/>
    </row>
    <row r="68" spans="1:31" x14ac:dyDescent="0.2">
      <c r="A68" s="53"/>
      <c r="B68" s="53"/>
      <c r="C68" s="53"/>
      <c r="D68" s="53"/>
      <c r="E68" s="53"/>
      <c r="F68" s="53"/>
      <c r="G68" s="53"/>
      <c r="H68" s="53"/>
      <c r="I68" s="53"/>
      <c r="J68" s="53"/>
      <c r="K68" s="53"/>
      <c r="L68" s="53"/>
      <c r="M68" s="53"/>
      <c r="N68" s="53"/>
      <c r="O68" s="53"/>
      <c r="P68" s="53"/>
      <c r="Q68" s="53"/>
      <c r="R68" s="53"/>
      <c r="S68" s="53"/>
      <c r="T68" s="53"/>
      <c r="U68" s="53"/>
      <c r="V68" s="53"/>
      <c r="W68" s="53"/>
      <c r="X68" s="53"/>
      <c r="Y68" s="53"/>
      <c r="Z68" s="53"/>
      <c r="AA68" s="53"/>
      <c r="AB68" s="53"/>
      <c r="AC68" s="53"/>
      <c r="AD68" s="53"/>
      <c r="AE68" s="53"/>
    </row>
    <row r="69" spans="1:31" x14ac:dyDescent="0.2">
      <c r="A69" s="53"/>
      <c r="B69" s="53"/>
      <c r="C69" s="53"/>
      <c r="D69" s="53"/>
      <c r="E69" s="53"/>
      <c r="F69" s="53"/>
      <c r="G69" s="53"/>
      <c r="H69" s="53"/>
      <c r="I69" s="53"/>
      <c r="J69" s="53"/>
      <c r="K69" s="53"/>
      <c r="L69" s="53"/>
      <c r="M69" s="53"/>
      <c r="N69" s="53"/>
      <c r="O69" s="53"/>
      <c r="P69" s="53"/>
      <c r="Q69" s="53"/>
      <c r="R69" s="53"/>
      <c r="S69" s="53"/>
      <c r="T69" s="53"/>
      <c r="U69" s="53"/>
      <c r="V69" s="53"/>
      <c r="W69" s="53"/>
      <c r="X69" s="53"/>
      <c r="Y69" s="53"/>
      <c r="Z69" s="53"/>
      <c r="AA69" s="53"/>
      <c r="AB69" s="53"/>
      <c r="AC69" s="53"/>
      <c r="AD69" s="53"/>
      <c r="AE69" s="53"/>
    </row>
    <row r="70" spans="1:31" ht="19.5" x14ac:dyDescent="0.2">
      <c r="A70" s="53"/>
      <c r="B70" s="53"/>
      <c r="C70" s="53"/>
      <c r="D70" s="53"/>
      <c r="E70" s="53"/>
      <c r="F70" s="53"/>
      <c r="G70" s="53"/>
      <c r="H70" s="53"/>
      <c r="I70" s="53"/>
      <c r="J70" s="53"/>
      <c r="K70" s="53"/>
      <c r="L70" s="53"/>
      <c r="M70" s="53"/>
      <c r="N70" s="53"/>
      <c r="O70" s="53"/>
      <c r="P70" s="53"/>
      <c r="Q70" s="53" ph="1"/>
      <c r="R70" s="53" ph="1"/>
      <c r="S70" s="53" ph="1"/>
      <c r="T70" s="53" ph="1"/>
      <c r="U70" s="53" ph="1"/>
      <c r="V70" s="53" ph="1"/>
      <c r="W70" s="53"/>
      <c r="X70" s="53"/>
      <c r="Y70" s="53"/>
      <c r="Z70" s="53"/>
      <c r="AA70" s="53"/>
      <c r="AB70" s="53"/>
      <c r="AC70" s="53"/>
      <c r="AD70" s="53"/>
      <c r="AE70" s="53"/>
    </row>
    <row r="71" spans="1:31" x14ac:dyDescent="0.2">
      <c r="A71" s="53"/>
      <c r="B71" s="53"/>
      <c r="C71" s="53"/>
      <c r="D71" s="53"/>
      <c r="E71" s="53"/>
      <c r="F71" s="53"/>
      <c r="G71" s="53"/>
      <c r="H71" s="53"/>
      <c r="I71" s="53"/>
      <c r="J71" s="53"/>
      <c r="K71" s="53"/>
      <c r="L71" s="53"/>
      <c r="M71" s="53"/>
      <c r="N71" s="53"/>
      <c r="O71" s="53"/>
      <c r="P71" s="53"/>
      <c r="Q71" s="53"/>
      <c r="R71" s="53"/>
      <c r="S71" s="53"/>
      <c r="T71" s="53"/>
      <c r="U71" s="53"/>
      <c r="V71" s="53"/>
      <c r="W71" s="53"/>
      <c r="X71" s="53"/>
      <c r="Y71" s="53"/>
      <c r="Z71" s="53"/>
      <c r="AA71" s="53"/>
      <c r="AB71" s="53"/>
      <c r="AC71" s="53"/>
      <c r="AD71" s="53"/>
      <c r="AE71" s="53"/>
    </row>
    <row r="72" spans="1:31" x14ac:dyDescent="0.2">
      <c r="A72" s="53"/>
      <c r="B72" s="53"/>
      <c r="C72" s="53"/>
      <c r="D72" s="53"/>
      <c r="E72" s="53"/>
      <c r="F72" s="53"/>
      <c r="G72" s="53"/>
      <c r="H72" s="53"/>
      <c r="I72" s="53"/>
      <c r="J72" s="53"/>
      <c r="K72" s="53"/>
      <c r="L72" s="53"/>
      <c r="M72" s="53"/>
      <c r="N72" s="53"/>
      <c r="O72" s="53"/>
      <c r="P72" s="53"/>
      <c r="Q72" s="53"/>
      <c r="R72" s="53"/>
      <c r="S72" s="53"/>
      <c r="T72" s="53"/>
      <c r="U72" s="53"/>
      <c r="V72" s="53"/>
      <c r="W72" s="53"/>
      <c r="X72" s="53"/>
      <c r="Y72" s="53"/>
      <c r="Z72" s="53"/>
      <c r="AA72" s="53"/>
      <c r="AB72" s="53"/>
      <c r="AC72" s="53"/>
      <c r="AD72" s="53"/>
      <c r="AE72" s="53"/>
    </row>
    <row r="73" spans="1:31" ht="19.5" x14ac:dyDescent="0.2">
      <c r="A73" s="53"/>
      <c r="B73" s="53"/>
      <c r="C73" s="53"/>
      <c r="D73" s="53"/>
      <c r="E73" s="53"/>
      <c r="F73" s="53"/>
      <c r="G73" s="53"/>
      <c r="H73" s="53"/>
      <c r="I73" s="53"/>
      <c r="J73" s="53"/>
      <c r="K73" s="53"/>
      <c r="L73" s="53"/>
      <c r="M73" s="53"/>
      <c r="N73" s="53"/>
      <c r="O73" s="53"/>
      <c r="P73" s="53"/>
      <c r="Q73" s="53" ph="1"/>
      <c r="R73" s="53" ph="1"/>
      <c r="S73" s="53" ph="1"/>
      <c r="T73" s="53" ph="1"/>
      <c r="U73" s="53" ph="1"/>
      <c r="V73" s="53" ph="1"/>
      <c r="W73" s="53"/>
      <c r="X73" s="53"/>
      <c r="Y73" s="53"/>
      <c r="Z73" s="53"/>
      <c r="AA73" s="53"/>
      <c r="AB73" s="53"/>
      <c r="AC73" s="53"/>
      <c r="AD73" s="53"/>
      <c r="AE73" s="53"/>
    </row>
    <row r="74" spans="1:31" ht="19.5" x14ac:dyDescent="0.2">
      <c r="A74" s="53"/>
      <c r="B74" s="53"/>
      <c r="C74" s="53"/>
      <c r="D74" s="53"/>
      <c r="E74" s="53"/>
      <c r="F74" s="53"/>
      <c r="G74" s="53"/>
      <c r="H74" s="53"/>
      <c r="I74" s="53"/>
      <c r="J74" s="53"/>
      <c r="K74" s="53"/>
      <c r="L74" s="53"/>
      <c r="M74" s="53"/>
      <c r="N74" s="53"/>
      <c r="O74" s="53"/>
      <c r="P74" s="53"/>
      <c r="Q74" s="53" ph="1"/>
      <c r="R74" s="53" ph="1"/>
      <c r="S74" s="53" ph="1"/>
      <c r="T74" s="53" ph="1"/>
      <c r="U74" s="53" ph="1"/>
      <c r="V74" s="53" ph="1"/>
      <c r="W74" s="53"/>
      <c r="X74" s="53"/>
      <c r="Y74" s="53"/>
      <c r="Z74" s="53"/>
      <c r="AA74" s="53"/>
      <c r="AB74" s="53"/>
      <c r="AC74" s="53"/>
      <c r="AD74" s="53"/>
      <c r="AE74" s="53"/>
    </row>
    <row r="75" spans="1:31" ht="19.5" x14ac:dyDescent="0.2">
      <c r="A75" s="53"/>
      <c r="B75" s="53"/>
      <c r="C75" s="53"/>
      <c r="D75" s="53"/>
      <c r="E75" s="53"/>
      <c r="F75" s="53"/>
      <c r="G75" s="53"/>
      <c r="H75" s="53"/>
      <c r="I75" s="53"/>
      <c r="J75" s="53"/>
      <c r="K75" s="53"/>
      <c r="L75" s="53"/>
      <c r="M75" s="53"/>
      <c r="N75" s="53"/>
      <c r="O75" s="53"/>
      <c r="P75" s="53"/>
      <c r="Q75" s="53" ph="1"/>
      <c r="R75" s="53" ph="1"/>
      <c r="S75" s="53" ph="1"/>
      <c r="T75" s="53" ph="1"/>
      <c r="U75" s="53" ph="1"/>
      <c r="V75" s="53" ph="1"/>
      <c r="W75" s="53"/>
      <c r="X75" s="53"/>
      <c r="Y75" s="53"/>
      <c r="Z75" s="53"/>
      <c r="AA75" s="53"/>
      <c r="AB75" s="53"/>
      <c r="AC75" s="53"/>
      <c r="AD75" s="53"/>
      <c r="AE75" s="53"/>
    </row>
    <row r="76" spans="1:31" ht="19.5" x14ac:dyDescent="0.2">
      <c r="A76" s="53"/>
      <c r="B76" s="53"/>
      <c r="C76" s="53"/>
      <c r="D76" s="53"/>
      <c r="E76" s="53"/>
      <c r="F76" s="53"/>
      <c r="G76" s="53"/>
      <c r="H76" s="53"/>
      <c r="I76" s="53"/>
      <c r="J76" s="53"/>
      <c r="K76" s="53"/>
      <c r="L76" s="53"/>
      <c r="M76" s="53"/>
      <c r="N76" s="53"/>
      <c r="O76" s="53"/>
      <c r="P76" s="53"/>
      <c r="Q76" s="53" ph="1"/>
      <c r="R76" s="53" ph="1"/>
      <c r="S76" s="53" ph="1"/>
      <c r="T76" s="53" ph="1"/>
      <c r="U76" s="53" ph="1"/>
      <c r="V76" s="53" ph="1"/>
      <c r="W76" s="53"/>
      <c r="X76" s="53"/>
      <c r="Y76" s="53"/>
      <c r="Z76" s="53"/>
      <c r="AA76" s="53"/>
      <c r="AB76" s="53"/>
      <c r="AC76" s="53"/>
      <c r="AD76" s="53"/>
      <c r="AE76" s="53"/>
    </row>
    <row r="77" spans="1:31" ht="19.5" x14ac:dyDescent="0.2">
      <c r="A77" s="53"/>
      <c r="B77" s="53"/>
      <c r="C77" s="53"/>
      <c r="D77" s="53"/>
      <c r="E77" s="53"/>
      <c r="F77" s="53"/>
      <c r="G77" s="53"/>
      <c r="H77" s="53"/>
      <c r="I77" s="53"/>
      <c r="J77" s="53"/>
      <c r="K77" s="53"/>
      <c r="L77" s="53"/>
      <c r="M77" s="53"/>
      <c r="N77" s="53"/>
      <c r="O77" s="53"/>
      <c r="P77" s="53"/>
      <c r="Q77" s="53" ph="1"/>
      <c r="R77" s="53" ph="1"/>
      <c r="S77" s="53" ph="1"/>
      <c r="T77" s="53" ph="1"/>
      <c r="U77" s="53" ph="1"/>
      <c r="V77" s="53" ph="1"/>
      <c r="W77" s="53"/>
      <c r="X77" s="53"/>
      <c r="Y77" s="53"/>
      <c r="Z77" s="53"/>
      <c r="AA77" s="53"/>
      <c r="AB77" s="53"/>
      <c r="AC77" s="53"/>
      <c r="AD77" s="53"/>
      <c r="AE77" s="53"/>
    </row>
    <row r="78" spans="1:31" ht="19.5" x14ac:dyDescent="0.2">
      <c r="A78" s="53"/>
      <c r="B78" s="53"/>
      <c r="C78" s="53"/>
      <c r="D78" s="53"/>
      <c r="E78" s="53"/>
      <c r="F78" s="53"/>
      <c r="G78" s="53"/>
      <c r="H78" s="53"/>
      <c r="I78" s="53"/>
      <c r="J78" s="53"/>
      <c r="K78" s="53"/>
      <c r="L78" s="53"/>
      <c r="M78" s="53"/>
      <c r="N78" s="53"/>
      <c r="O78" s="53"/>
      <c r="P78" s="53"/>
      <c r="Q78" s="53" ph="1"/>
      <c r="R78" s="53" ph="1"/>
      <c r="S78" s="53" ph="1"/>
      <c r="T78" s="53" ph="1"/>
      <c r="U78" s="53" ph="1"/>
      <c r="V78" s="53" ph="1"/>
      <c r="W78" s="53"/>
      <c r="X78" s="53"/>
      <c r="Y78" s="53"/>
      <c r="Z78" s="53"/>
      <c r="AA78" s="53"/>
      <c r="AB78" s="53"/>
      <c r="AC78" s="53"/>
      <c r="AD78" s="53"/>
      <c r="AE78" s="53"/>
    </row>
    <row r="79" spans="1:31" ht="19.5" x14ac:dyDescent="0.2">
      <c r="A79" s="53"/>
      <c r="B79" s="53"/>
      <c r="C79" s="53"/>
      <c r="D79" s="53"/>
      <c r="E79" s="53"/>
      <c r="F79" s="53"/>
      <c r="G79" s="53"/>
      <c r="H79" s="53"/>
      <c r="I79" s="53"/>
      <c r="J79" s="53"/>
      <c r="K79" s="53"/>
      <c r="L79" s="53"/>
      <c r="M79" s="53"/>
      <c r="N79" s="53"/>
      <c r="O79" s="53"/>
      <c r="P79" s="53"/>
      <c r="Q79" s="53" ph="1"/>
      <c r="R79" s="53" ph="1"/>
      <c r="S79" s="53" ph="1"/>
      <c r="T79" s="53" ph="1"/>
      <c r="U79" s="53" ph="1"/>
      <c r="V79" s="53" ph="1"/>
      <c r="W79" s="53"/>
      <c r="X79" s="53"/>
      <c r="Y79" s="53"/>
      <c r="Z79" s="53"/>
      <c r="AA79" s="53"/>
      <c r="AB79" s="53"/>
      <c r="AC79" s="53"/>
      <c r="AD79" s="53"/>
      <c r="AE79" s="53"/>
    </row>
    <row r="80" spans="1:31" ht="19.5" x14ac:dyDescent="0.2">
      <c r="A80" s="53"/>
      <c r="B80" s="53"/>
      <c r="C80" s="53"/>
      <c r="D80" s="53"/>
      <c r="E80" s="53"/>
      <c r="F80" s="53"/>
      <c r="G80" s="53"/>
      <c r="H80" s="53"/>
      <c r="I80" s="53"/>
      <c r="J80" s="53"/>
      <c r="K80" s="53"/>
      <c r="L80" s="53"/>
      <c r="M80" s="53"/>
      <c r="N80" s="53"/>
      <c r="O80" s="53"/>
      <c r="P80" s="53"/>
      <c r="Q80" s="53" ph="1"/>
      <c r="R80" s="53" ph="1"/>
      <c r="S80" s="53" ph="1"/>
      <c r="T80" s="53" ph="1"/>
      <c r="U80" s="53" ph="1"/>
      <c r="V80" s="53" ph="1"/>
      <c r="W80" s="53"/>
      <c r="X80" s="53"/>
      <c r="Y80" s="53"/>
      <c r="Z80" s="53"/>
      <c r="AA80" s="53"/>
      <c r="AB80" s="53"/>
      <c r="AC80" s="53"/>
      <c r="AD80" s="53"/>
      <c r="AE80" s="53"/>
    </row>
    <row r="81" spans="1:31" ht="19.5" x14ac:dyDescent="0.2">
      <c r="A81" s="53"/>
      <c r="B81" s="53"/>
      <c r="C81" s="53"/>
      <c r="D81" s="53"/>
      <c r="E81" s="53"/>
      <c r="F81" s="53"/>
      <c r="G81" s="53"/>
      <c r="H81" s="53"/>
      <c r="I81" s="53"/>
      <c r="J81" s="53"/>
      <c r="K81" s="53"/>
      <c r="L81" s="53"/>
      <c r="M81" s="53"/>
      <c r="N81" s="53"/>
      <c r="O81" s="53"/>
      <c r="P81" s="53"/>
      <c r="Q81" s="53" ph="1"/>
      <c r="R81" s="53" ph="1"/>
      <c r="S81" s="53" ph="1"/>
      <c r="T81" s="53" ph="1"/>
      <c r="U81" s="53" ph="1"/>
      <c r="V81" s="53" ph="1"/>
      <c r="W81" s="53"/>
      <c r="X81" s="53"/>
      <c r="Y81" s="53"/>
      <c r="Z81" s="53"/>
      <c r="AA81" s="53"/>
      <c r="AB81" s="53"/>
      <c r="AC81" s="53"/>
      <c r="AD81" s="53"/>
      <c r="AE81" s="53"/>
    </row>
    <row r="82" spans="1:31" ht="19.5" x14ac:dyDescent="0.2">
      <c r="A82" s="53"/>
      <c r="B82" s="53"/>
      <c r="C82" s="53"/>
      <c r="D82" s="53"/>
      <c r="E82" s="53"/>
      <c r="F82" s="53"/>
      <c r="G82" s="53"/>
      <c r="H82" s="53"/>
      <c r="I82" s="53"/>
      <c r="J82" s="53"/>
      <c r="K82" s="53"/>
      <c r="L82" s="53"/>
      <c r="M82" s="53"/>
      <c r="N82" s="53"/>
      <c r="O82" s="53"/>
      <c r="P82" s="53"/>
      <c r="Q82" s="53" ph="1"/>
      <c r="R82" s="53" ph="1"/>
      <c r="S82" s="53" ph="1"/>
      <c r="T82" s="53" ph="1"/>
      <c r="U82" s="53" ph="1"/>
      <c r="V82" s="53" ph="1"/>
      <c r="W82" s="53"/>
      <c r="X82" s="53"/>
      <c r="Y82" s="53"/>
      <c r="Z82" s="53"/>
      <c r="AA82" s="53"/>
      <c r="AB82" s="53"/>
      <c r="AC82" s="53"/>
      <c r="AD82" s="53"/>
      <c r="AE82" s="53"/>
    </row>
    <row r="83" spans="1:31" ht="19.5" x14ac:dyDescent="0.2">
      <c r="A83" s="53"/>
      <c r="B83" s="53"/>
      <c r="C83" s="53"/>
      <c r="D83" s="53"/>
      <c r="E83" s="53"/>
      <c r="F83" s="53"/>
      <c r="G83" s="53"/>
      <c r="H83" s="53"/>
      <c r="I83" s="53"/>
      <c r="J83" s="53"/>
      <c r="K83" s="53"/>
      <c r="L83" s="53"/>
      <c r="M83" s="53"/>
      <c r="N83" s="53"/>
      <c r="O83" s="53"/>
      <c r="P83" s="53"/>
      <c r="Q83" s="53" ph="1"/>
      <c r="R83" s="53" ph="1"/>
      <c r="S83" s="53" ph="1"/>
      <c r="T83" s="53" ph="1"/>
      <c r="U83" s="53" ph="1"/>
      <c r="V83" s="53" ph="1"/>
      <c r="W83" s="53"/>
      <c r="X83" s="53"/>
      <c r="Y83" s="53"/>
      <c r="Z83" s="53"/>
      <c r="AA83" s="53"/>
      <c r="AB83" s="53"/>
      <c r="AC83" s="53"/>
      <c r="AD83" s="53"/>
      <c r="AE83" s="53"/>
    </row>
    <row r="84" spans="1:31" ht="19.5" x14ac:dyDescent="0.2">
      <c r="A84" s="53"/>
      <c r="B84" s="53"/>
      <c r="C84" s="53"/>
      <c r="D84" s="53"/>
      <c r="E84" s="53"/>
      <c r="F84" s="53"/>
      <c r="G84" s="53"/>
      <c r="H84" s="53"/>
      <c r="I84" s="53"/>
      <c r="J84" s="53"/>
      <c r="K84" s="53"/>
      <c r="L84" s="53"/>
      <c r="M84" s="53"/>
      <c r="N84" s="53"/>
      <c r="O84" s="53"/>
      <c r="P84" s="53"/>
      <c r="Q84" s="53" ph="1"/>
      <c r="R84" s="53" ph="1"/>
      <c r="S84" s="53" ph="1"/>
      <c r="T84" s="53" ph="1"/>
      <c r="U84" s="53" ph="1"/>
      <c r="V84" s="53" ph="1"/>
      <c r="W84" s="53"/>
      <c r="X84" s="53"/>
      <c r="Y84" s="53"/>
      <c r="Z84" s="53"/>
      <c r="AA84" s="53"/>
      <c r="AB84" s="53"/>
      <c r="AC84" s="53"/>
      <c r="AD84" s="53"/>
      <c r="AE84" s="53"/>
    </row>
    <row r="85" spans="1:31" x14ac:dyDescent="0.2">
      <c r="A85" s="53"/>
      <c r="B85" s="53"/>
      <c r="C85" s="53"/>
      <c r="D85" s="53"/>
      <c r="E85" s="53"/>
      <c r="F85" s="53"/>
      <c r="G85" s="53"/>
      <c r="H85" s="53"/>
      <c r="I85" s="53"/>
      <c r="J85" s="53"/>
      <c r="K85" s="53"/>
      <c r="L85" s="53"/>
      <c r="M85" s="53"/>
      <c r="N85" s="53"/>
      <c r="O85" s="53"/>
      <c r="P85" s="53"/>
      <c r="Q85" s="53"/>
      <c r="R85" s="53"/>
      <c r="S85" s="53"/>
      <c r="T85" s="53"/>
      <c r="U85" s="53"/>
      <c r="V85" s="53"/>
      <c r="W85" s="53"/>
      <c r="X85" s="53"/>
      <c r="Y85" s="53"/>
      <c r="Z85" s="53"/>
      <c r="AA85" s="53"/>
      <c r="AB85" s="53"/>
      <c r="AC85" s="53"/>
      <c r="AD85" s="53"/>
      <c r="AE85" s="53"/>
    </row>
    <row r="86" spans="1:31" x14ac:dyDescent="0.2">
      <c r="A86" s="53"/>
      <c r="B86" s="53"/>
      <c r="C86" s="53"/>
      <c r="D86" s="53"/>
      <c r="E86" s="53"/>
      <c r="F86" s="53"/>
      <c r="G86" s="53"/>
      <c r="H86" s="53"/>
      <c r="I86" s="53"/>
      <c r="J86" s="53"/>
      <c r="K86" s="53"/>
      <c r="L86" s="53"/>
      <c r="M86" s="53"/>
      <c r="N86" s="53"/>
      <c r="O86" s="53"/>
      <c r="P86" s="53"/>
      <c r="Q86" s="53"/>
      <c r="R86" s="53"/>
      <c r="S86" s="53"/>
      <c r="T86" s="53"/>
      <c r="U86" s="53"/>
      <c r="V86" s="53"/>
      <c r="W86" s="53"/>
      <c r="X86" s="53"/>
      <c r="Y86" s="53"/>
      <c r="Z86" s="53"/>
      <c r="AA86" s="53"/>
      <c r="AB86" s="53"/>
      <c r="AC86" s="53"/>
      <c r="AD86" s="53"/>
      <c r="AE86" s="53"/>
    </row>
    <row r="87" spans="1:31" x14ac:dyDescent="0.2">
      <c r="A87" s="53"/>
      <c r="B87" s="53"/>
      <c r="C87" s="53"/>
      <c r="D87" s="53"/>
      <c r="E87" s="53"/>
      <c r="F87" s="53"/>
      <c r="G87" s="53"/>
      <c r="H87" s="53"/>
      <c r="I87" s="53"/>
      <c r="J87" s="53"/>
      <c r="K87" s="53"/>
      <c r="L87" s="53"/>
      <c r="M87" s="53"/>
      <c r="N87" s="53"/>
      <c r="O87" s="53"/>
      <c r="P87" s="53"/>
      <c r="Q87" s="53"/>
      <c r="R87" s="53"/>
      <c r="S87" s="53"/>
      <c r="T87" s="53"/>
      <c r="U87" s="53"/>
      <c r="V87" s="53"/>
      <c r="W87" s="53"/>
      <c r="X87" s="53"/>
      <c r="Y87" s="53"/>
      <c r="Z87" s="53"/>
      <c r="AA87" s="53"/>
      <c r="AB87" s="53"/>
      <c r="AC87" s="53"/>
      <c r="AD87" s="53"/>
      <c r="AE87" s="53"/>
    </row>
    <row r="88" spans="1:31" x14ac:dyDescent="0.2">
      <c r="A88" s="53"/>
      <c r="B88" s="53"/>
      <c r="C88" s="53"/>
      <c r="D88" s="53"/>
      <c r="E88" s="53"/>
      <c r="F88" s="53"/>
      <c r="G88" s="53"/>
      <c r="H88" s="53"/>
      <c r="I88" s="53"/>
      <c r="J88" s="53"/>
      <c r="K88" s="53"/>
      <c r="L88" s="53"/>
      <c r="M88" s="53"/>
      <c r="N88" s="53"/>
      <c r="O88" s="53"/>
      <c r="P88" s="53"/>
      <c r="Q88" s="53"/>
      <c r="R88" s="53"/>
      <c r="S88" s="53"/>
      <c r="T88" s="53"/>
      <c r="U88" s="53"/>
      <c r="V88" s="53"/>
      <c r="W88" s="53"/>
      <c r="X88" s="53"/>
      <c r="Y88" s="53"/>
      <c r="Z88" s="53"/>
      <c r="AA88" s="53"/>
      <c r="AB88" s="53"/>
      <c r="AC88" s="53"/>
      <c r="AD88" s="53"/>
      <c r="AE88" s="53"/>
    </row>
    <row r="89" spans="1:31" x14ac:dyDescent="0.2">
      <c r="A89" s="53"/>
      <c r="B89" s="53"/>
      <c r="C89" s="53"/>
      <c r="D89" s="53"/>
      <c r="E89" s="53"/>
      <c r="F89" s="53"/>
      <c r="G89" s="53"/>
      <c r="H89" s="53"/>
      <c r="I89" s="53"/>
      <c r="J89" s="53"/>
      <c r="K89" s="53"/>
      <c r="L89" s="53"/>
      <c r="M89" s="53"/>
      <c r="N89" s="53"/>
      <c r="O89" s="53"/>
      <c r="P89" s="53"/>
      <c r="Q89" s="53"/>
      <c r="R89" s="53"/>
      <c r="S89" s="53"/>
      <c r="T89" s="53"/>
      <c r="U89" s="53"/>
      <c r="V89" s="53"/>
      <c r="W89" s="53"/>
      <c r="X89" s="53"/>
      <c r="Y89" s="53"/>
      <c r="Z89" s="53"/>
      <c r="AA89" s="53"/>
      <c r="AB89" s="53"/>
      <c r="AC89" s="53"/>
      <c r="AD89" s="53"/>
      <c r="AE89" s="53"/>
    </row>
    <row r="90" spans="1:31" x14ac:dyDescent="0.2">
      <c r="A90" s="53"/>
      <c r="B90" s="53"/>
      <c r="C90" s="53"/>
      <c r="D90" s="53"/>
      <c r="E90" s="53"/>
      <c r="F90" s="53"/>
      <c r="G90" s="53"/>
      <c r="H90" s="53"/>
      <c r="I90" s="53"/>
      <c r="J90" s="53"/>
      <c r="K90" s="53"/>
      <c r="L90" s="53"/>
      <c r="M90" s="53"/>
      <c r="N90" s="53"/>
      <c r="O90" s="53"/>
      <c r="P90" s="53"/>
      <c r="Q90" s="53"/>
      <c r="R90" s="53"/>
      <c r="S90" s="53"/>
      <c r="T90" s="53"/>
      <c r="U90" s="53"/>
      <c r="V90" s="53"/>
      <c r="W90" s="53"/>
      <c r="X90" s="53"/>
      <c r="Y90" s="53"/>
      <c r="Z90" s="53"/>
      <c r="AA90" s="53"/>
      <c r="AB90" s="53"/>
      <c r="AC90" s="53"/>
      <c r="AD90" s="53"/>
      <c r="AE90" s="53"/>
    </row>
    <row r="91" spans="1:31" ht="19.5" x14ac:dyDescent="0.2">
      <c r="Q91" s="1" ph="1"/>
      <c r="R91" s="1" ph="1"/>
      <c r="S91" s="1" ph="1"/>
      <c r="T91" s="1" ph="1"/>
      <c r="U91" s="1" ph="1"/>
      <c r="V91" s="1" ph="1"/>
    </row>
    <row r="94" spans="1:31" ht="19.5" x14ac:dyDescent="0.2">
      <c r="Q94" s="1" ph="1"/>
      <c r="R94" s="1" ph="1"/>
      <c r="S94" s="1" ph="1"/>
      <c r="T94" s="1" ph="1"/>
      <c r="U94" s="1" ph="1"/>
      <c r="V94" s="1" ph="1"/>
    </row>
    <row r="95" spans="1:31" ht="19.5" x14ac:dyDescent="0.2">
      <c r="Q95" s="1" ph="1"/>
      <c r="R95" s="1" ph="1"/>
      <c r="S95" s="1" ph="1"/>
      <c r="T95" s="1" ph="1"/>
      <c r="U95" s="1" ph="1"/>
      <c r="V95" s="1" ph="1"/>
    </row>
    <row r="96" spans="1:31" ht="19.5" x14ac:dyDescent="0.2">
      <c r="Q96" s="1" ph="1"/>
      <c r="R96" s="1" ph="1"/>
      <c r="S96" s="1" ph="1"/>
      <c r="T96" s="1" ph="1"/>
      <c r="U96" s="1" ph="1"/>
      <c r="V96" s="1" ph="1"/>
    </row>
    <row r="97" spans="17:22" ht="19.5" x14ac:dyDescent="0.2">
      <c r="Q97" s="1" ph="1"/>
      <c r="R97" s="1" ph="1"/>
      <c r="S97" s="1" ph="1"/>
      <c r="T97" s="1" ph="1"/>
      <c r="U97" s="1" ph="1"/>
      <c r="V97" s="1" ph="1"/>
    </row>
    <row r="98" spans="17:22" ht="19.5" x14ac:dyDescent="0.2">
      <c r="Q98" s="1" ph="1"/>
      <c r="R98" s="1" ph="1"/>
      <c r="S98" s="1" ph="1"/>
      <c r="T98" s="1" ph="1"/>
      <c r="U98" s="1" ph="1"/>
      <c r="V98" s="1" ph="1"/>
    </row>
    <row r="99" spans="17:22" ht="19.5" x14ac:dyDescent="0.2">
      <c r="Q99" s="1" ph="1"/>
      <c r="R99" s="1" ph="1"/>
      <c r="S99" s="1" ph="1"/>
      <c r="T99" s="1" ph="1"/>
      <c r="U99" s="1" ph="1"/>
      <c r="V99" s="1" ph="1"/>
    </row>
    <row r="100" spans="17:22" ht="19.5" x14ac:dyDescent="0.2">
      <c r="Q100" s="1" ph="1"/>
      <c r="R100" s="1" ph="1"/>
      <c r="S100" s="1" ph="1"/>
      <c r="T100" s="1" ph="1"/>
      <c r="U100" s="1" ph="1"/>
      <c r="V100" s="1" ph="1"/>
    </row>
    <row r="101" spans="17:22" ht="19.5" x14ac:dyDescent="0.2">
      <c r="Q101" s="1" ph="1"/>
      <c r="R101" s="1" ph="1"/>
      <c r="S101" s="1" ph="1"/>
      <c r="T101" s="1" ph="1"/>
      <c r="U101" s="1" ph="1"/>
      <c r="V101" s="1" ph="1"/>
    </row>
    <row r="102" spans="17:22" ht="19.5" x14ac:dyDescent="0.2">
      <c r="Q102" s="1" ph="1"/>
      <c r="R102" s="1" ph="1"/>
      <c r="S102" s="1" ph="1"/>
      <c r="T102" s="1" ph="1"/>
      <c r="U102" s="1" ph="1"/>
      <c r="V102" s="1" ph="1"/>
    </row>
    <row r="103" spans="17:22" ht="19.5" x14ac:dyDescent="0.2">
      <c r="Q103" s="1" ph="1"/>
      <c r="R103" s="1" ph="1"/>
      <c r="S103" s="1" ph="1"/>
      <c r="T103" s="1" ph="1"/>
      <c r="U103" s="1" ph="1"/>
      <c r="V103" s="1" ph="1"/>
    </row>
    <row r="104" spans="17:22" ht="19.5" x14ac:dyDescent="0.2">
      <c r="Q104" s="1" ph="1"/>
      <c r="R104" s="1" ph="1"/>
      <c r="S104" s="1" ph="1"/>
      <c r="T104" s="1" ph="1"/>
      <c r="U104" s="1" ph="1"/>
      <c r="V104" s="1" ph="1"/>
    </row>
    <row r="105" spans="17:22" ht="19.5" x14ac:dyDescent="0.2">
      <c r="Q105" s="1" ph="1"/>
      <c r="R105" s="1" ph="1"/>
      <c r="S105" s="1" ph="1"/>
      <c r="T105" s="1" ph="1"/>
      <c r="U105" s="1" ph="1"/>
      <c r="V105" s="1" ph="1"/>
    </row>
    <row r="106" spans="17:22" ht="19.5" x14ac:dyDescent="0.2">
      <c r="Q106" s="1" ph="1"/>
      <c r="R106" s="1" ph="1"/>
      <c r="S106" s="1" ph="1"/>
      <c r="T106" s="1" ph="1"/>
      <c r="U106" s="1" ph="1"/>
      <c r="V106" s="1" ph="1"/>
    </row>
  </sheetData>
  <mergeCells count="84">
    <mergeCell ref="C25:D26"/>
    <mergeCell ref="C27:D28"/>
    <mergeCell ref="C29:D30"/>
    <mergeCell ref="B1:AE2"/>
    <mergeCell ref="D4:G4"/>
    <mergeCell ref="Q7:Q18"/>
    <mergeCell ref="R7:AE8"/>
    <mergeCell ref="R9:AE9"/>
    <mergeCell ref="C17:F17"/>
    <mergeCell ref="C12:F13"/>
    <mergeCell ref="H17:N17"/>
    <mergeCell ref="H12:N13"/>
    <mergeCell ref="C6:N7"/>
    <mergeCell ref="C9:N10"/>
    <mergeCell ref="C31:D32"/>
    <mergeCell ref="C33:D34"/>
    <mergeCell ref="Q5:AE6"/>
    <mergeCell ref="AE23:AE24"/>
    <mergeCell ref="AE25:AE26"/>
    <mergeCell ref="AE27:AE28"/>
    <mergeCell ref="AE29:AE30"/>
    <mergeCell ref="AE31:AE32"/>
    <mergeCell ref="AE33:AE34"/>
    <mergeCell ref="AC23:AD24"/>
    <mergeCell ref="AC25:AD26"/>
    <mergeCell ref="AC27:AD28"/>
    <mergeCell ref="AC29:AD30"/>
    <mergeCell ref="AC31:AD32"/>
    <mergeCell ref="AC33:AD34"/>
    <mergeCell ref="C15:N15"/>
    <mergeCell ref="B25:B26"/>
    <mergeCell ref="E32:J32"/>
    <mergeCell ref="X31:AB32"/>
    <mergeCell ref="K29:L30"/>
    <mergeCell ref="U31:W32"/>
    <mergeCell ref="M25:T26"/>
    <mergeCell ref="K25:L26"/>
    <mergeCell ref="B27:B28"/>
    <mergeCell ref="M27:T28"/>
    <mergeCell ref="B31:B32"/>
    <mergeCell ref="E30:J30"/>
    <mergeCell ref="B29:B30"/>
    <mergeCell ref="E29:J29"/>
    <mergeCell ref="M31:T32"/>
    <mergeCell ref="K31:L32"/>
    <mergeCell ref="M29:T30"/>
    <mergeCell ref="X33:AB34"/>
    <mergeCell ref="U25:W26"/>
    <mergeCell ref="X27:AB28"/>
    <mergeCell ref="U23:W24"/>
    <mergeCell ref="X29:AB30"/>
    <mergeCell ref="X25:AB26"/>
    <mergeCell ref="U29:W30"/>
    <mergeCell ref="U27:W28"/>
    <mergeCell ref="B23:B24"/>
    <mergeCell ref="B21:B22"/>
    <mergeCell ref="R18:AE18"/>
    <mergeCell ref="U21:W22"/>
    <mergeCell ref="X22:AB22"/>
    <mergeCell ref="AC22:AE22"/>
    <mergeCell ref="X23:AB24"/>
    <mergeCell ref="X21:AE21"/>
    <mergeCell ref="E21:J21"/>
    <mergeCell ref="E22:J22"/>
    <mergeCell ref="C21:D22"/>
    <mergeCell ref="C23:D24"/>
    <mergeCell ref="B33:B34"/>
    <mergeCell ref="U33:W34"/>
    <mergeCell ref="K33:L34"/>
    <mergeCell ref="M33:T34"/>
    <mergeCell ref="E34:J34"/>
    <mergeCell ref="E33:J33"/>
    <mergeCell ref="E27:J27"/>
    <mergeCell ref="E28:J28"/>
    <mergeCell ref="E31:J31"/>
    <mergeCell ref="M21:T22"/>
    <mergeCell ref="K27:L28"/>
    <mergeCell ref="E25:J25"/>
    <mergeCell ref="E24:J24"/>
    <mergeCell ref="K23:L24"/>
    <mergeCell ref="E23:J23"/>
    <mergeCell ref="K21:L22"/>
    <mergeCell ref="M23:T24"/>
    <mergeCell ref="E26:J26"/>
  </mergeCells>
  <phoneticPr fontId="19"/>
  <dataValidations count="1">
    <dataValidation imeMode="off" allowBlank="1" showInputMessage="1" showErrorMessage="1" sqref="H4" xr:uid="{00000000-0002-0000-0000-000004000000}"/>
  </dataValidations>
  <pageMargins left="0.6692913385826772" right="0.19685039370078741" top="0.23622047244094491" bottom="0.19685039370078741" header="0.19685039370078741" footer="0.19685039370078741"/>
  <pageSetup paperSize="9" scale="93" orientation="portrait" r:id="rId1"/>
  <headerFooter alignWithMargins="0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0000000-0002-0000-0000-000001000000}">
          <x14:formula1>
            <xm:f>地区使用シート!$N$3:$N$4</xm:f>
          </x14:formula1>
          <xm:sqref>K25:L34</xm:sqref>
        </x14:dataValidation>
        <x14:dataValidation type="list" allowBlank="1" showInputMessage="1" showErrorMessage="1" xr:uid="{00000000-0002-0000-0000-000002000000}">
          <x14:formula1>
            <xm:f>地区使用シート!$O$3:$O$8</xm:f>
          </x14:formula1>
          <xm:sqref>X25:AB34</xm:sqref>
        </x14:dataValidation>
        <x14:dataValidation type="list" allowBlank="1" showInputMessage="1" showErrorMessage="1" xr:uid="{A85B5D7F-68C3-44C2-BCA9-B44EBC65F4A3}">
          <x14:formula1>
            <xm:f>地区使用シート!$M$3:$M$5</xm:f>
          </x14:formula1>
          <xm:sqref>C25:D3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3FB05A-F319-46BA-B783-E0F537BBB5F6}">
  <sheetPr>
    <tabColor theme="2" tint="-0.499984740745262"/>
  </sheetPr>
  <dimension ref="A1:O8"/>
  <sheetViews>
    <sheetView workbookViewId="0">
      <selection activeCell="E12" sqref="E12"/>
    </sheetView>
  </sheetViews>
  <sheetFormatPr defaultRowHeight="13" x14ac:dyDescent="0.2"/>
  <cols>
    <col min="1" max="1" width="3.26953125" bestFit="1" customWidth="1"/>
    <col min="2" max="2" width="25.54296875" bestFit="1" customWidth="1"/>
    <col min="3" max="3" width="13.90625" customWidth="1"/>
    <col min="4" max="4" width="20.7265625" customWidth="1"/>
    <col min="5" max="5" width="6.54296875" bestFit="1" customWidth="1"/>
    <col min="6" max="6" width="37.90625" customWidth="1"/>
    <col min="7" max="7" width="11.453125" customWidth="1"/>
    <col min="8" max="8" width="15.90625" bestFit="1" customWidth="1"/>
    <col min="9" max="9" width="9.6328125" customWidth="1"/>
    <col min="10" max="10" width="4" bestFit="1" customWidth="1"/>
    <col min="11" max="11" width="12.6328125" customWidth="1"/>
    <col min="13" max="13" width="8.81640625" customWidth="1"/>
    <col min="14" max="14" width="3.26953125" bestFit="1" customWidth="1"/>
    <col min="15" max="15" width="12.1796875" bestFit="1" customWidth="1"/>
  </cols>
  <sheetData>
    <row r="1" spans="1:15" ht="21" x14ac:dyDescent="0.3">
      <c r="A1" s="51" t="s">
        <v>35</v>
      </c>
    </row>
    <row r="3" spans="1:15" ht="21" x14ac:dyDescent="0.3">
      <c r="A3" s="50"/>
      <c r="B3" s="48" t="s">
        <v>34</v>
      </c>
      <c r="C3" s="48" t="s">
        <v>33</v>
      </c>
      <c r="D3" s="48" t="s">
        <v>49</v>
      </c>
      <c r="E3" s="48" t="s">
        <v>8</v>
      </c>
      <c r="F3" s="48" t="s">
        <v>32</v>
      </c>
      <c r="G3" s="48" t="s">
        <v>10</v>
      </c>
      <c r="H3" s="48" t="s">
        <v>51</v>
      </c>
      <c r="I3" s="173" t="s">
        <v>50</v>
      </c>
      <c r="J3" s="173"/>
      <c r="K3" s="48" t="s">
        <v>52</v>
      </c>
      <c r="L3" s="47"/>
      <c r="M3" s="5"/>
      <c r="N3" s="5" t="s">
        <v>21</v>
      </c>
      <c r="O3" t="s">
        <v>44</v>
      </c>
    </row>
    <row r="4" spans="1:15" ht="21" x14ac:dyDescent="0.3">
      <c r="A4" s="50">
        <v>1</v>
      </c>
      <c r="B4" s="48" t="str">
        <f>IF(参加者情報!E26="","",参加者情報!C9)</f>
        <v/>
      </c>
      <c r="C4" s="48" t="str">
        <f>IF(参加者情報!E26="","",参加者情報!E26)</f>
        <v/>
      </c>
      <c r="D4" s="48" t="str">
        <f>IF(参加者情報!E26="","",参加者情報!E25)</f>
        <v/>
      </c>
      <c r="E4" s="48" t="str">
        <f>IF(参加者情報!E26="","",参加者情報!K25)</f>
        <v/>
      </c>
      <c r="F4" s="48" t="str">
        <f>IF(参加者情報!E26="","",参加者情報!M25)</f>
        <v/>
      </c>
      <c r="G4" s="48" t="str">
        <f>IF(参加者情報!E26="","",参加者情報!U25)</f>
        <v/>
      </c>
      <c r="H4" s="58" t="str">
        <f>IF(参加者情報!E26="","",参加者情報!X25)</f>
        <v/>
      </c>
      <c r="I4" s="49" t="str">
        <f>IF(参加者情報!E26="","",参加者情報!AC25)</f>
        <v/>
      </c>
      <c r="J4" s="48" t="s">
        <v>53</v>
      </c>
      <c r="K4" s="57" t="str">
        <f>IF(参加者情報!E26="","",参加者情報!C25)</f>
        <v/>
      </c>
      <c r="L4" s="47"/>
      <c r="M4" s="56">
        <v>46204</v>
      </c>
      <c r="N4" s="5" t="s">
        <v>16</v>
      </c>
      <c r="O4" t="s">
        <v>45</v>
      </c>
    </row>
    <row r="5" spans="1:15" ht="21" x14ac:dyDescent="0.3">
      <c r="A5" s="50">
        <v>2</v>
      </c>
      <c r="B5" s="48" t="str">
        <f>IF(参加者情報!E28="","",参加者情報!C9)</f>
        <v/>
      </c>
      <c r="C5" s="48" t="str">
        <f>IF(参加者情報!E28="","",参加者情報!E28)</f>
        <v/>
      </c>
      <c r="D5" s="48" t="str">
        <f>IF(参加者情報!E28="","",参加者情報!E27)</f>
        <v/>
      </c>
      <c r="E5" s="48" t="str">
        <f>IF(参加者情報!E28="","",参加者情報!K27)</f>
        <v/>
      </c>
      <c r="F5" s="48" t="str">
        <f>IF(参加者情報!E28="","",参加者情報!M27)</f>
        <v/>
      </c>
      <c r="G5" s="48" t="str">
        <f>IF(参加者情報!E28="","",参加者情報!U27)</f>
        <v/>
      </c>
      <c r="H5" s="58" t="str">
        <f>IF(参加者情報!E28="","",参加者情報!X27)</f>
        <v/>
      </c>
      <c r="I5" s="49" t="str">
        <f>IF(参加者情報!E28="","",参加者情報!AC27)</f>
        <v/>
      </c>
      <c r="J5" s="48" t="s">
        <v>53</v>
      </c>
      <c r="K5" s="57" t="str">
        <f>IF(参加者情報!E28="","",参加者情報!C27)</f>
        <v/>
      </c>
      <c r="L5" s="47"/>
      <c r="M5" s="56">
        <v>46205</v>
      </c>
      <c r="O5" t="s">
        <v>46</v>
      </c>
    </row>
    <row r="6" spans="1:15" ht="21" x14ac:dyDescent="0.3">
      <c r="A6" s="50">
        <v>3</v>
      </c>
      <c r="B6" s="48" t="str">
        <f>IF(参加者情報!E30="","",参加者情報!C9)</f>
        <v/>
      </c>
      <c r="C6" s="48" t="str">
        <f>IF(参加者情報!E30="","",参加者情報!E30)</f>
        <v/>
      </c>
      <c r="D6" s="48" t="str">
        <f>IF(参加者情報!E30="","",参加者情報!E29)</f>
        <v/>
      </c>
      <c r="E6" s="48" t="str">
        <f>IF(参加者情報!E30="","",参加者情報!K29)</f>
        <v/>
      </c>
      <c r="F6" s="48" t="str">
        <f>IF(参加者情報!E30="","",参加者情報!M29)</f>
        <v/>
      </c>
      <c r="G6" s="48" t="str">
        <f>IF(参加者情報!E30="","",参加者情報!U29)</f>
        <v/>
      </c>
      <c r="H6" s="58" t="str">
        <f>IF(参加者情報!E30="","",参加者情報!X29)</f>
        <v/>
      </c>
      <c r="I6" s="49" t="str">
        <f>IF(参加者情報!E30="","",参加者情報!AC29)</f>
        <v/>
      </c>
      <c r="J6" s="48" t="s">
        <v>53</v>
      </c>
      <c r="K6" s="57" t="str">
        <f>IF(参加者情報!E30="","",参加者情報!C29)</f>
        <v/>
      </c>
      <c r="L6" s="47"/>
      <c r="M6" s="56"/>
      <c r="O6" t="s">
        <v>47</v>
      </c>
    </row>
    <row r="7" spans="1:15" ht="21" x14ac:dyDescent="0.3">
      <c r="A7" s="50">
        <v>4</v>
      </c>
      <c r="B7" s="48" t="str">
        <f>IF(参加者情報!E32="","",参加者情報!C9)</f>
        <v/>
      </c>
      <c r="C7" s="48" t="str">
        <f>IF(参加者情報!E32="","",参加者情報!E32)</f>
        <v/>
      </c>
      <c r="D7" s="48" t="str">
        <f>IF(参加者情報!E32="","",参加者情報!E31)</f>
        <v/>
      </c>
      <c r="E7" s="48" t="str">
        <f>IF(参加者情報!E32="","",参加者情報!K31)</f>
        <v/>
      </c>
      <c r="F7" s="48" t="str">
        <f>IF(参加者情報!E32="","",参加者情報!M31)</f>
        <v/>
      </c>
      <c r="G7" s="48" t="str">
        <f>IF(参加者情報!E32="","",参加者情報!U31)</f>
        <v/>
      </c>
      <c r="H7" s="58" t="str">
        <f>IF(参加者情報!E32="","",参加者情報!X31)</f>
        <v/>
      </c>
      <c r="I7" s="49" t="str">
        <f>IF(参加者情報!E32="","",参加者情報!AC31)</f>
        <v/>
      </c>
      <c r="J7" s="48" t="s">
        <v>53</v>
      </c>
      <c r="K7" s="57" t="str">
        <f>IF(参加者情報!E32="","",参加者情報!C31)</f>
        <v/>
      </c>
      <c r="L7" s="47"/>
      <c r="O7" t="s">
        <v>22</v>
      </c>
    </row>
    <row r="8" spans="1:15" ht="21" x14ac:dyDescent="0.3">
      <c r="A8" s="50">
        <v>5</v>
      </c>
      <c r="B8" s="48" t="str">
        <f>IF(参加者情報!E34="","",参加者情報!C9)</f>
        <v/>
      </c>
      <c r="C8" s="48" t="str">
        <f>IF(参加者情報!E34="","",参加者情報!E34)</f>
        <v/>
      </c>
      <c r="D8" s="48" t="str">
        <f>IF(参加者情報!E34="","",参加者情報!E33)</f>
        <v/>
      </c>
      <c r="E8" s="48" t="str">
        <f>IF(参加者情報!E32="","",参加者情報!K33)</f>
        <v/>
      </c>
      <c r="F8" s="48" t="str">
        <f>IF(参加者情報!E32="","",参加者情報!M33)</f>
        <v/>
      </c>
      <c r="G8" s="48" t="str">
        <f>IF(参加者情報!E32="","",参加者情報!U33)</f>
        <v/>
      </c>
      <c r="H8" s="58" t="str">
        <f>IF(参加者情報!E32="","",参加者情報!X33)</f>
        <v/>
      </c>
      <c r="I8" s="49" t="str">
        <f>IF(参加者情報!E32="","",参加者情報!AC33)</f>
        <v/>
      </c>
      <c r="J8" s="48" t="s">
        <v>53</v>
      </c>
      <c r="K8" s="57" t="str">
        <f>IF(参加者情報!E32="","",参加者情報!C33)</f>
        <v/>
      </c>
      <c r="L8" s="47"/>
      <c r="O8" t="s">
        <v>23</v>
      </c>
    </row>
  </sheetData>
  <sheetProtection algorithmName="SHA-512" hashValue="0rPF2mUCc4qm5RAXcMRgD5np//uLdvirH+YKBUX5Vs2nQxQOZTBB+3uqCUuHyzT/ZTlPg85h6bc8n/ovk1tQpg==" saltValue="g4VPO2HAZty29rCPNUuhkw==" spinCount="100000" sheet="1" objects="1" scenarios="1"/>
  <mergeCells count="1">
    <mergeCell ref="I3:J3"/>
  </mergeCells>
  <phoneticPr fontId="19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参加者情報</vt:lpstr>
      <vt:lpstr>地区使用シート</vt:lpstr>
      <vt:lpstr>参加者情報!Print_Area</vt:lpstr>
    </vt:vector>
  </TitlesOfParts>
  <Company>豊田合成株式会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ユーザ</dc:creator>
  <cp:lastModifiedBy>Homma, Akira/本間 晃</cp:lastModifiedBy>
  <cp:lastPrinted>2026-02-16T01:38:08Z</cp:lastPrinted>
  <dcterms:created xsi:type="dcterms:W3CDTF">2015-03-23T05:42:29Z</dcterms:created>
  <dcterms:modified xsi:type="dcterms:W3CDTF">2026-03-17T05:13:09Z</dcterms:modified>
</cp:coreProperties>
</file>